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tags/tag1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6"/>
  </p:notesMasterIdLst>
  <p:sldIdLst>
    <p:sldId id="260" r:id="rId2"/>
    <p:sldId id="898" r:id="rId3"/>
    <p:sldId id="303" r:id="rId4"/>
    <p:sldId id="290" r:id="rId5"/>
    <p:sldId id="263" r:id="rId6"/>
    <p:sldId id="262" r:id="rId7"/>
    <p:sldId id="264" r:id="rId8"/>
    <p:sldId id="265" r:id="rId9"/>
    <p:sldId id="286" r:id="rId10"/>
    <p:sldId id="266" r:id="rId11"/>
    <p:sldId id="267" r:id="rId12"/>
    <p:sldId id="284" r:id="rId13"/>
    <p:sldId id="292" r:id="rId14"/>
    <p:sldId id="289" r:id="rId15"/>
    <p:sldId id="258" r:id="rId16"/>
    <p:sldId id="269" r:id="rId17"/>
    <p:sldId id="288" r:id="rId18"/>
    <p:sldId id="291" r:id="rId19"/>
    <p:sldId id="287" r:id="rId20"/>
    <p:sldId id="272" r:id="rId21"/>
    <p:sldId id="275" r:id="rId22"/>
    <p:sldId id="293" r:id="rId23"/>
    <p:sldId id="285" r:id="rId24"/>
    <p:sldId id="2134805863" r:id="rId25"/>
  </p:sldIdLst>
  <p:sldSz cx="12192000" cy="6858000"/>
  <p:notesSz cx="7315200" cy="96012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Gerth Stølting Brodal" initials="GSB" lastIdx="1" clrIdx="0">
    <p:extLst>
      <p:ext uri="{19B8F6BF-5375-455C-9EA6-DF929625EA0E}">
        <p15:presenceInfo xmlns:p15="http://schemas.microsoft.com/office/powerpoint/2012/main" userId="S::au121@uni.au.dk::04ef4784-6591-4f86-a140-f5c3b108582a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FFFF66"/>
    <a:srgbClr val="FFFF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9843F0A-7B9E-4D1B-8A54-3C1925D094C2}" v="1" dt="2026-02-19T16:09:17.229"/>
  </p1510:revLst>
</p1510:revInfo>
</file>

<file path=ppt/tableStyles.xml><?xml version="1.0" encoding="utf-8"?>
<a:tblStyleLst xmlns:a="http://schemas.openxmlformats.org/drawingml/2006/main" def="{5C22544A-7EE6-4342-B048-85BDC9FD1C3A}">
  <a:tblStyle styleId="{18603FDC-E32A-4AB5-989C-0864C3EAD2B8}" styleName="Themed Style 2 - Accent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1534" autoAdjust="0"/>
    <p:restoredTop sz="69088" autoAdjust="0"/>
  </p:normalViewPr>
  <p:slideViewPr>
    <p:cSldViewPr>
      <p:cViewPr>
        <p:scale>
          <a:sx n="100" d="100"/>
          <a:sy n="100" d="100"/>
        </p:scale>
        <p:origin x="2040" y="504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50" d="100"/>
        <a:sy n="150" d="100"/>
      </p:scale>
      <p:origin x="-6" y="-18"/>
    </p:cViewPr>
  </p:notesTextViewPr>
  <p:sorterViewPr>
    <p:cViewPr>
      <p:scale>
        <a:sx n="75" d="100"/>
        <a:sy n="75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microsoft.com/office/2015/10/relationships/revisionInfo" Target="revisionInfo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microsoft.com/office/2016/11/relationships/changesInfo" Target="changesInfos/changesInfo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commentAuthors" Target="commentAuthors.xml"/><Relationship Id="rId30" Type="http://schemas.openxmlformats.org/officeDocument/2006/relationships/theme" Target="theme/theme1.xml"/><Relationship Id="rId8" Type="http://schemas.openxmlformats.org/officeDocument/2006/relationships/slide" Target="slides/slide7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erth Stølting Brodal" userId="04ef4784-6591-4f86-a140-f5c3b108582a" providerId="ADAL" clId="{73BAC7D6-516A-44B5-B4B0-C7B08CA8B392}"/>
    <pc:docChg chg="custSel addSld delSld modSld">
      <pc:chgData name="Gerth Stølting Brodal" userId="04ef4784-6591-4f86-a140-f5c3b108582a" providerId="ADAL" clId="{73BAC7D6-516A-44B5-B4B0-C7B08CA8B392}" dt="2026-02-19T16:19:24.359" v="19" actId="14100"/>
      <pc:docMkLst>
        <pc:docMk/>
      </pc:docMkLst>
      <pc:sldChg chg="modSp mod">
        <pc:chgData name="Gerth Stølting Brodal" userId="04ef4784-6591-4f86-a140-f5c3b108582a" providerId="ADAL" clId="{73BAC7D6-516A-44B5-B4B0-C7B08CA8B392}" dt="2026-02-19T16:19:24.359" v="19" actId="14100"/>
        <pc:sldMkLst>
          <pc:docMk/>
          <pc:sldMk cId="1658325847" sldId="303"/>
        </pc:sldMkLst>
        <pc:spChg chg="mod">
          <ac:chgData name="Gerth Stølting Brodal" userId="04ef4784-6591-4f86-a140-f5c3b108582a" providerId="ADAL" clId="{73BAC7D6-516A-44B5-B4B0-C7B08CA8B392}" dt="2026-02-19T16:19:24.359" v="19" actId="14100"/>
          <ac:spMkLst>
            <pc:docMk/>
            <pc:sldMk cId="1658325847" sldId="303"/>
            <ac:spMk id="6" creationId="{00000000-0000-0000-0000-000000000000}"/>
          </ac:spMkLst>
        </pc:spChg>
        <pc:spChg chg="mod">
          <ac:chgData name="Gerth Stølting Brodal" userId="04ef4784-6591-4f86-a140-f5c3b108582a" providerId="ADAL" clId="{73BAC7D6-516A-44B5-B4B0-C7B08CA8B392}" dt="2026-02-19T16:19:24.359" v="19" actId="14100"/>
          <ac:spMkLst>
            <pc:docMk/>
            <pc:sldMk cId="1658325847" sldId="303"/>
            <ac:spMk id="7" creationId="{00000000-0000-0000-0000-000000000000}"/>
          </ac:spMkLst>
        </pc:spChg>
        <pc:spChg chg="mod">
          <ac:chgData name="Gerth Stølting Brodal" userId="04ef4784-6591-4f86-a140-f5c3b108582a" providerId="ADAL" clId="{73BAC7D6-516A-44B5-B4B0-C7B08CA8B392}" dt="2026-02-19T16:19:24.359" v="19" actId="14100"/>
          <ac:spMkLst>
            <pc:docMk/>
            <pc:sldMk cId="1658325847" sldId="303"/>
            <ac:spMk id="16" creationId="{F2868128-026C-364B-07BF-0891B74EF81F}"/>
          </ac:spMkLst>
        </pc:spChg>
      </pc:sldChg>
      <pc:sldChg chg="addSp delSp modSp mod">
        <pc:chgData name="Gerth Stølting Brodal" userId="04ef4784-6591-4f86-a140-f5c3b108582a" providerId="ADAL" clId="{73BAC7D6-516A-44B5-B4B0-C7B08CA8B392}" dt="2026-02-19T16:12:22.236" v="15" actId="20577"/>
        <pc:sldMkLst>
          <pc:docMk/>
          <pc:sldMk cId="1039793147" sldId="898"/>
        </pc:sldMkLst>
        <pc:spChg chg="mod">
          <ac:chgData name="Gerth Stølting Brodal" userId="04ef4784-6591-4f86-a140-f5c3b108582a" providerId="ADAL" clId="{73BAC7D6-516A-44B5-B4B0-C7B08CA8B392}" dt="2026-02-19T16:12:22.236" v="15" actId="20577"/>
          <ac:spMkLst>
            <pc:docMk/>
            <pc:sldMk cId="1039793147" sldId="898"/>
            <ac:spMk id="443" creationId="{E9754462-339A-0F9E-6B8B-BB38B0FDD6DD}"/>
          </ac:spMkLst>
        </pc:spChg>
        <pc:picChg chg="del">
          <ac:chgData name="Gerth Stølting Brodal" userId="04ef4784-6591-4f86-a140-f5c3b108582a" providerId="ADAL" clId="{73BAC7D6-516A-44B5-B4B0-C7B08CA8B392}" dt="2026-02-19T16:11:48.823" v="5" actId="478"/>
          <ac:picMkLst>
            <pc:docMk/>
            <pc:sldMk cId="1039793147" sldId="898"/>
            <ac:picMk id="3" creationId="{D33A4636-7B77-184A-C7D6-4FE0C7F33293}"/>
          </ac:picMkLst>
        </pc:picChg>
        <pc:picChg chg="add mod">
          <ac:chgData name="Gerth Stølting Brodal" userId="04ef4784-6591-4f86-a140-f5c3b108582a" providerId="ADAL" clId="{73BAC7D6-516A-44B5-B4B0-C7B08CA8B392}" dt="2026-02-19T16:11:59.303" v="9" actId="1076"/>
          <ac:picMkLst>
            <pc:docMk/>
            <pc:sldMk cId="1039793147" sldId="898"/>
            <ac:picMk id="4" creationId="{28FFFF78-CC55-944C-2A46-D6F98638D6FA}"/>
          </ac:picMkLst>
        </pc:picChg>
      </pc:sldChg>
      <pc:sldChg chg="del">
        <pc:chgData name="Gerth Stølting Brodal" userId="04ef4784-6591-4f86-a140-f5c3b108582a" providerId="ADAL" clId="{73BAC7D6-516A-44B5-B4B0-C7B08CA8B392}" dt="2026-02-19T16:10:00.346" v="1" actId="47"/>
        <pc:sldMkLst>
          <pc:docMk/>
          <pc:sldMk cId="277876209" sldId="2134805862"/>
        </pc:sldMkLst>
      </pc:sldChg>
      <pc:sldChg chg="delSp add mod">
        <pc:chgData name="Gerth Stølting Brodal" userId="04ef4784-6591-4f86-a140-f5c3b108582a" providerId="ADAL" clId="{73BAC7D6-516A-44B5-B4B0-C7B08CA8B392}" dt="2026-02-19T16:10:03.549" v="2" actId="478"/>
        <pc:sldMkLst>
          <pc:docMk/>
          <pc:sldMk cId="1244683411" sldId="2134805863"/>
        </pc:sldMkLst>
        <pc:picChg chg="del">
          <ac:chgData name="Gerth Stølting Brodal" userId="04ef4784-6591-4f86-a140-f5c3b108582a" providerId="ADAL" clId="{73BAC7D6-516A-44B5-B4B0-C7B08CA8B392}" dt="2026-02-19T16:10:03.549" v="2" actId="478"/>
          <ac:picMkLst>
            <pc:docMk/>
            <pc:sldMk cId="1244683411" sldId="2134805863"/>
            <ac:picMk id="14" creationId="{8A1CAAD3-74B0-0BE8-98DF-965068ECA993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l">
              <a:defRPr sz="13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7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r">
              <a:defRPr sz="1300"/>
            </a:lvl1pPr>
          </a:lstStyle>
          <a:p>
            <a:fld id="{C8BF23C4-F8A6-445F-AA0C-2DCB1DB6D135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7200" y="720725"/>
            <a:ext cx="6400800" cy="3600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6661" tIns="48331" rIns="96661" bIns="48331" rtlCol="0" anchor="ctr"/>
          <a:lstStyle/>
          <a:p>
            <a:endParaRPr lang="da-DK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560570"/>
            <a:ext cx="5852160" cy="4320540"/>
          </a:xfrm>
          <a:prstGeom prst="rect">
            <a:avLst/>
          </a:prstGeom>
        </p:spPr>
        <p:txBody>
          <a:bodyPr vert="horz" lIns="96661" tIns="48331" rIns="96661" bIns="48331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l">
              <a:defRPr sz="1300"/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7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r">
              <a:defRPr sz="1300"/>
            </a:lvl1pPr>
          </a:lstStyle>
          <a:p>
            <a:fld id="{9CE4D51B-3D24-45C0-8591-70D7DEF9CA48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1644634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551605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ynamisk opdatering = skal kun opdatere det der kan nås fra den opdaterede cel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1387236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Ændrer A2 til der bliver en cykel</a:t>
            </a:r>
          </a:p>
          <a:p>
            <a:r>
              <a:rPr lang="da-DK" dirty="0"/>
              <a:t>Cykel kan</a:t>
            </a:r>
            <a:r>
              <a:rPr lang="da-DK" baseline="0" dirty="0"/>
              <a:t> findes ved at følge afhængigheder baglæns indtil en cykel nødvendigvis er funde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1387236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Sanity</a:t>
            </a:r>
            <a:r>
              <a:rPr lang="da-DK" dirty="0"/>
              <a:t> check</a:t>
            </a:r>
            <a:r>
              <a:rPr lang="da-DK" baseline="0" dirty="0"/>
              <a:t> af vej data – alt skal gerne være en stærk sammenhængskomponen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Sanity</a:t>
            </a:r>
            <a:r>
              <a:rPr lang="da-DK" dirty="0"/>
              <a:t> check</a:t>
            </a:r>
            <a:r>
              <a:rPr lang="da-DK" baseline="0" dirty="0"/>
              <a:t> af </a:t>
            </a:r>
            <a:r>
              <a:rPr lang="da-DK" b="1" baseline="0" dirty="0"/>
              <a:t>vej-data </a:t>
            </a:r>
            <a:r>
              <a:rPr lang="da-DK" baseline="0" dirty="0"/>
              <a:t>– alt skal gerne være en stærk sammenhængskomponen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Sanity</a:t>
            </a:r>
            <a:r>
              <a:rPr lang="da-DK" dirty="0"/>
              <a:t> check</a:t>
            </a:r>
            <a:r>
              <a:rPr lang="da-DK" baseline="0" dirty="0"/>
              <a:t> af </a:t>
            </a:r>
            <a:r>
              <a:rPr lang="da-DK" b="1" baseline="0" dirty="0"/>
              <a:t>vej-data </a:t>
            </a:r>
            <a:r>
              <a:rPr lang="da-DK" baseline="0" dirty="0"/>
              <a:t>– alt skal gerne være en stærk sammenhængskomponen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81240" indent="-181240">
              <a:buFont typeface="Arial" charset="0"/>
              <a:buChar char="•"/>
            </a:pPr>
            <a:r>
              <a:rPr lang="en-US"/>
              <a:t>Job scheduling</a:t>
            </a:r>
          </a:p>
          <a:p>
            <a:pPr marL="181240" indent="-181240">
              <a:buFont typeface="Arial" charset="0"/>
              <a:buChar char="•"/>
            </a:pPr>
            <a:r>
              <a:rPr lang="en-US"/>
              <a:t>Dependency </a:t>
            </a:r>
            <a:r>
              <a:rPr lang="en-US" err="1"/>
              <a:t>analyse</a:t>
            </a:r>
            <a:r>
              <a:rPr lang="en-US"/>
              <a:t> </a:t>
            </a:r>
            <a:r>
              <a:rPr lang="en-US" err="1"/>
              <a:t>i</a:t>
            </a:r>
            <a:r>
              <a:rPr lang="en-US" baseline="0"/>
              <a:t> </a:t>
            </a:r>
            <a:r>
              <a:rPr lang="en-US" baseline="0" err="1"/>
              <a:t>f.eks</a:t>
            </a:r>
            <a:r>
              <a:rPr lang="en-US" baseline="0"/>
              <a:t>. “make”</a:t>
            </a:r>
          </a:p>
          <a:p>
            <a:pPr marL="181240" indent="-181240">
              <a:buFont typeface="Arial" charset="0"/>
              <a:buChar char="•"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9484584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Kan en kloak klare regnvejr? Lav en regnvejrs knude som sender en mængde vand til alle knuder, og så en afløbs knude (havet). Ignorerer tidsaspekte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137212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ttps://www.qrcode-monkey.com/</a:t>
            </a:r>
          </a:p>
          <a:p>
            <a:endParaRPr lang="da-DK" dirty="0"/>
          </a:p>
          <a:p>
            <a:r>
              <a:rPr lang="da-DK" dirty="0"/>
              <a:t>Kort om mig selv: startede med at læse Datalogi &amp; Matematik i 1989, og har siden 1993 forsket i algoritmer og data strukturer. </a:t>
            </a:r>
            <a:r>
              <a:rPr lang="da-DK" dirty="0" err="1"/>
              <a:t>PhD</a:t>
            </a:r>
            <a:r>
              <a:rPr lang="da-DK" dirty="0"/>
              <a:t> 1997. Siden 1998 ansat ved Aarhus Universitet, hvor jeg nu er professor.</a:t>
            </a:r>
          </a:p>
          <a:p>
            <a:r>
              <a:rPr lang="da-DK" dirty="0" err="1"/>
              <a:t>Algoritmik</a:t>
            </a:r>
            <a:r>
              <a:rPr lang="da-DK" dirty="0"/>
              <a:t> er et emne som på datalogi studiet bliver</a:t>
            </a:r>
            <a:r>
              <a:rPr lang="da-DK" baseline="0" dirty="0"/>
              <a:t> dækket på første år af de introducerende kursus </a:t>
            </a:r>
            <a:r>
              <a:rPr lang="da-DK" b="1" baseline="0" dirty="0"/>
              <a:t>algoritmer og datastrukturer</a:t>
            </a:r>
          </a:p>
          <a:p>
            <a:r>
              <a:rPr lang="da-DK" b="1" baseline="0" dirty="0"/>
              <a:t>Fokus: Finde effektive metoder til at løse problemer</a:t>
            </a:r>
          </a:p>
          <a:p>
            <a:r>
              <a:rPr lang="da-DK" b="1" baseline="0" dirty="0"/>
              <a:t>Sekundært: At omsætte løsninger til programmer</a:t>
            </a:r>
            <a:endParaRPr lang="da-DK" b="1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7378422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87002219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/>
              <a:t>Undladt ulovlige tilstande for det enkelte</a:t>
            </a:r>
            <a:r>
              <a:rPr lang="da-DK" baseline="0"/>
              <a:t> lyskryds</a:t>
            </a:r>
          </a:p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8700221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78036716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692107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Algoritmer: 1. semester, 6. semester (</a:t>
            </a:r>
            <a:r>
              <a:rPr lang="da-DK" dirty="0" err="1"/>
              <a:t>optimization</a:t>
            </a:r>
            <a:r>
              <a:rPr lang="da-DK" dirty="0"/>
              <a:t>), 5. semester valgfri, kandidatsøj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FA2614-CD35-4AC9-B118-B4A49402694A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2733371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sz="1200" dirty="0"/>
              <a:t>Detaljerne i algoritmerne og hvordan de omsættes til konkrete programmer kommes ikke ind på her. Men i sidste ende er målet at lave effektive programmer.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6921071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Ækvivalent problem = find</a:t>
            </a:r>
            <a:r>
              <a:rPr lang="da-DK" baseline="0" dirty="0"/>
              <a:t> et punkt planen (centrum) der er længst mulig fra et input punk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4353939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/>
              <a:t>Voronoi diagram anvendelse : Hvilken</a:t>
            </a:r>
            <a:r>
              <a:rPr lang="da-DK" baseline="0"/>
              <a:t> radiomast er tættest på ?</a:t>
            </a:r>
            <a:endParaRPr lang="da-DK"/>
          </a:p>
          <a:p>
            <a:r>
              <a:rPr lang="da-DK"/>
              <a:t>Voronoi diagram</a:t>
            </a:r>
            <a:r>
              <a:rPr lang="da-DK" baseline="0"/>
              <a:t> : </a:t>
            </a:r>
            <a:r>
              <a:rPr lang="da-DK" b="1" baseline="0"/>
              <a:t>potentielt n</a:t>
            </a:r>
            <a:r>
              <a:rPr lang="da-DK" b="1" baseline="30000"/>
              <a:t>2</a:t>
            </a:r>
            <a:r>
              <a:rPr lang="da-DK" b="1" baseline="0"/>
              <a:t> kanter</a:t>
            </a:r>
            <a:r>
              <a:rPr lang="da-DK" baseline="0"/>
              <a:t> (del af </a:t>
            </a:r>
            <a:r>
              <a:rPr lang="da-DK" baseline="0" err="1"/>
              <a:t>bisektorer</a:t>
            </a:r>
            <a:r>
              <a:rPr lang="da-DK" baseline="0"/>
              <a:t>), men kan vise at der er kun er ≤2n</a:t>
            </a:r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4353939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Bevis for Euler:</a:t>
            </a:r>
            <a:r>
              <a:rPr lang="da-DK" baseline="0" dirty="0"/>
              <a:t> Induktion. Start med en knude; hver yderligere kant tilføjer enten en flade eller en knude.</a:t>
            </a:r>
            <a:endParaRPr lang="da-DK" dirty="0"/>
          </a:p>
          <a:p>
            <a:r>
              <a:rPr lang="da-DK" b="1" dirty="0"/>
              <a:t>V≥3 =&gt; E≤3V-6 </a:t>
            </a:r>
            <a:r>
              <a:rPr lang="da-DK" dirty="0"/>
              <a:t>: </a:t>
            </a:r>
          </a:p>
          <a:p>
            <a:r>
              <a:rPr lang="da-DK" dirty="0"/>
              <a:t>*  Hver flade mindst</a:t>
            </a:r>
            <a:r>
              <a:rPr lang="da-DK" baseline="0" dirty="0"/>
              <a:t> 3 tilstødende (halv)kanter; </a:t>
            </a:r>
          </a:p>
          <a:p>
            <a:r>
              <a:rPr lang="da-DK" baseline="0" dirty="0"/>
              <a:t>*  </a:t>
            </a:r>
            <a:r>
              <a:rPr lang="da-DK" b="1" i="1" baseline="0" dirty="0"/>
              <a:t>2E=#halv-kanter≥3F</a:t>
            </a:r>
          </a:p>
          <a:p>
            <a:pPr marL="181240" indent="-181240">
              <a:buFont typeface="Arial" charset="0"/>
              <a:buChar char="•"/>
            </a:pPr>
            <a:r>
              <a:rPr lang="da-DK" dirty="0"/>
              <a:t>F≤2/3*E</a:t>
            </a:r>
          </a:p>
          <a:p>
            <a:pPr marL="181240" indent="-181240">
              <a:buFont typeface="Arial" charset="0"/>
              <a:buChar char="•"/>
            </a:pPr>
            <a:r>
              <a:rPr lang="da-DK" baseline="0" dirty="0"/>
              <a:t>V+2/3*E-E ≥ 2</a:t>
            </a:r>
          </a:p>
          <a:p>
            <a:pPr marL="181240" indent="-181240">
              <a:buFont typeface="Arial" charset="0"/>
              <a:buChar char="•"/>
            </a:pPr>
            <a:r>
              <a:rPr lang="da-DK" baseline="0" dirty="0"/>
              <a:t>V≥2+E/3</a:t>
            </a:r>
          </a:p>
          <a:p>
            <a:pPr marL="181240" indent="-181240">
              <a:buFont typeface="Arial" charset="0"/>
              <a:buChar char="•"/>
            </a:pPr>
            <a:r>
              <a:rPr lang="da-DK" baseline="0" dirty="0"/>
              <a:t>E≤3V-6</a:t>
            </a:r>
          </a:p>
          <a:p>
            <a:pPr marL="181240" indent="-181240">
              <a:buFont typeface="Arial" charset="0"/>
              <a:buChar char="•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4353939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jællandsgade ensrettet</a:t>
            </a:r>
          </a:p>
          <a:p>
            <a:r>
              <a:rPr lang="da-DK" dirty="0"/>
              <a:t>Kanter kan</a:t>
            </a:r>
            <a:r>
              <a:rPr lang="da-DK" baseline="0" dirty="0"/>
              <a:t> have tilknyttet et tal der angiver afstand/rejsetid/energiforbrug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8676908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vordan vil man modeller skiftetid? Lav to knuder: Aarhus ankomst og Aarhus afrejse, med en kant imellem på f.eks. 5 min skif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6921052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30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8794033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106427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43"/>
            <a:ext cx="27432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43"/>
            <a:ext cx="80264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8763016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6095" y="1960079"/>
            <a:ext cx="10222987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4112" y="340162"/>
            <a:ext cx="1826368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sz="1800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sz="180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2/2026</a:t>
            </a:fld>
            <a:r>
              <a:rPr lang="en-GB" dirty="0"/>
              <a:t>21/02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39489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>
                <a:solidFill>
                  <a:srgbClr val="C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342900" indent="-342900">
              <a:buClr>
                <a:srgbClr val="C00000"/>
              </a:buClr>
              <a:buFont typeface="Wingdings" pitchFamily="2" charset="2"/>
              <a:buChar char="§"/>
              <a:defRPr/>
            </a:lvl1pPr>
            <a:lvl2pPr marL="742950" indent="-285750">
              <a:buClr>
                <a:srgbClr val="C00000"/>
              </a:buClr>
              <a:buFont typeface="Wingdings" pitchFamily="2" charset="2"/>
              <a:buChar char="§"/>
              <a:defRPr/>
            </a:lvl2pPr>
            <a:lvl3pPr marL="1143000" indent="-228600">
              <a:buClr>
                <a:srgbClr val="C00000"/>
              </a:buClr>
              <a:buFont typeface="Wingdings" pitchFamily="2" charset="2"/>
              <a:buChar char="§"/>
              <a:defRPr/>
            </a:lvl3pPr>
            <a:lvl4pPr marL="1600200" indent="-228600">
              <a:buClr>
                <a:srgbClr val="C00000"/>
              </a:buClr>
              <a:buFont typeface="Wingdings" pitchFamily="2" charset="2"/>
              <a:buChar char="§"/>
              <a:defRPr/>
            </a:lvl4pPr>
            <a:lvl5pPr marL="2057400" indent="-228600">
              <a:buClr>
                <a:srgbClr val="C00000"/>
              </a:buClr>
              <a:buFont typeface="Wingdings" pitchFamily="2" charset="2"/>
              <a:buChar char="§"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219778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5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4850947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5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5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830026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70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70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897012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0591200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619731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3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5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3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939783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8797476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5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5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4281FE6-6235-4D59-BEB2-0C22E4312680}" type="datetimeFigureOut">
              <a:rPr lang="da-DK" smtClean="0"/>
              <a:t>19-02-2026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5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5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504366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udays.dk/uddannelser/it-elektronik-og-programmering/datalogi/" TargetMode="Externa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Relationship Id="rId4" Type="http://schemas.microsoft.com/office/2007/relationships/hdphoto" Target="../media/hdphoto1.wdp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Relationship Id="rId4" Type="http://schemas.microsoft.com/office/2007/relationships/hdphoto" Target="../media/hdphoto1.wdp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1200" y="845840"/>
            <a:ext cx="8229600" cy="1143000"/>
          </a:xfrm>
        </p:spPr>
        <p:txBody>
          <a:bodyPr>
            <a:normAutofit fontScale="90000"/>
          </a:bodyPr>
          <a:lstStyle/>
          <a:p>
            <a:r>
              <a:rPr lang="da-DK" dirty="0"/>
              <a:t>Algoritmer</a:t>
            </a:r>
            <a:br>
              <a:rPr lang="da-DK" dirty="0"/>
            </a:br>
            <a:r>
              <a:rPr lang="da-DK" dirty="0"/>
              <a:t>(45 minutter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27448" y="2132856"/>
            <a:ext cx="10009112" cy="4320480"/>
          </a:xfrm>
          <a:noFill/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2400" b="1" dirty="0"/>
              <a:t>ABSTRACT</a:t>
            </a:r>
          </a:p>
          <a:p>
            <a:pPr marL="0" indent="0">
              <a:buNone/>
            </a:pPr>
            <a:r>
              <a:rPr lang="da-DK" sz="2400" dirty="0"/>
              <a:t>Hør om metoder til at beregne gode GPS kørevejledninger og tog- og flyforbindelser, og hvad problemstillingerne har til fælles med at opdatere regneark og sikre velfungerende lyskryds. </a:t>
            </a:r>
          </a:p>
          <a:p>
            <a:pPr marL="0" indent="0">
              <a:buNone/>
            </a:pPr>
            <a:r>
              <a:rPr lang="da-DK" sz="2400" dirty="0"/>
              <a:t>Oplægget omhandler emner, som man vil møde i faget Algoritmer og Datastrukturer på studiets 1. år.</a:t>
            </a:r>
          </a:p>
          <a:p>
            <a:pPr marL="0" indent="0">
              <a:buNone/>
            </a:pPr>
            <a:endParaRPr lang="da-DK" sz="2400" dirty="0"/>
          </a:p>
          <a:p>
            <a:pPr marL="0" indent="0" algn="ctr">
              <a:buNone/>
            </a:pPr>
            <a:r>
              <a:rPr lang="da-DK" sz="1800" dirty="0">
                <a:hlinkClick r:id="rId3"/>
              </a:rPr>
              <a:t>https://udays.dk/uddannelser/it-elektronik-og-programmering/datalogi/</a:t>
            </a:r>
            <a:endParaRPr lang="da-DK" sz="1800" dirty="0"/>
          </a:p>
          <a:p>
            <a:pPr marL="0" indent="0" algn="ctr">
              <a:buNone/>
            </a:pPr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29949278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>
                <a:solidFill>
                  <a:srgbClr val="C00000"/>
                </a:solidFill>
              </a:rPr>
              <a:t>Opdatering af Regneark</a:t>
            </a:r>
          </a:p>
        </p:txBody>
      </p:sp>
      <p:grpSp>
        <p:nvGrpSpPr>
          <p:cNvPr id="49" name="Group 48"/>
          <p:cNvGrpSpPr/>
          <p:nvPr/>
        </p:nvGrpSpPr>
        <p:grpSpPr>
          <a:xfrm>
            <a:off x="2593592" y="4700495"/>
            <a:ext cx="1990293" cy="1523749"/>
            <a:chOff x="5534035" y="1928603"/>
            <a:chExt cx="1990293" cy="1523749"/>
          </a:xfrm>
        </p:grpSpPr>
        <p:cxnSp>
          <p:nvCxnSpPr>
            <p:cNvPr id="6" name="Straight Arrow Connector 5"/>
            <p:cNvCxnSpPr>
              <a:endCxn id="9" idx="3"/>
            </p:cNvCxnSpPr>
            <p:nvPr/>
          </p:nvCxnSpPr>
          <p:spPr>
            <a:xfrm flipV="1">
              <a:off x="5725323" y="2235882"/>
              <a:ext cx="686956" cy="44260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Arrow Connector 15"/>
            <p:cNvCxnSpPr>
              <a:endCxn id="9" idx="2"/>
            </p:cNvCxnSpPr>
            <p:nvPr/>
          </p:nvCxnSpPr>
          <p:spPr>
            <a:xfrm>
              <a:off x="5725323" y="2108603"/>
              <a:ext cx="634235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Arrow Connector 17"/>
            <p:cNvCxnSpPr>
              <a:endCxn id="10" idx="1"/>
            </p:cNvCxnSpPr>
            <p:nvPr/>
          </p:nvCxnSpPr>
          <p:spPr>
            <a:xfrm>
              <a:off x="5725323" y="2108603"/>
              <a:ext cx="686956" cy="445694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Arrow Connector 19"/>
            <p:cNvCxnSpPr>
              <a:endCxn id="10" idx="2"/>
            </p:cNvCxnSpPr>
            <p:nvPr/>
          </p:nvCxnSpPr>
          <p:spPr>
            <a:xfrm>
              <a:off x="5714035" y="2681576"/>
              <a:ext cx="645523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Arrow Connector 21"/>
            <p:cNvCxnSpPr>
              <a:endCxn id="11" idx="1"/>
            </p:cNvCxnSpPr>
            <p:nvPr/>
          </p:nvCxnSpPr>
          <p:spPr>
            <a:xfrm>
              <a:off x="5714035" y="2678485"/>
              <a:ext cx="699406" cy="466588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Arrow Connector 23"/>
            <p:cNvCxnSpPr>
              <a:stCxn id="10" idx="4"/>
              <a:endCxn id="11" idx="0"/>
            </p:cNvCxnSpPr>
            <p:nvPr/>
          </p:nvCxnSpPr>
          <p:spPr>
            <a:xfrm>
              <a:off x="6539558" y="2861576"/>
              <a:ext cx="1162" cy="230776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Arrow Connector 25"/>
            <p:cNvCxnSpPr>
              <a:endCxn id="12" idx="1"/>
            </p:cNvCxnSpPr>
            <p:nvPr/>
          </p:nvCxnSpPr>
          <p:spPr>
            <a:xfrm>
              <a:off x="6540720" y="2108603"/>
              <a:ext cx="676329" cy="44260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Arrow Connector 27"/>
            <p:cNvCxnSpPr>
              <a:endCxn id="12" idx="2"/>
            </p:cNvCxnSpPr>
            <p:nvPr/>
          </p:nvCxnSpPr>
          <p:spPr>
            <a:xfrm flipV="1">
              <a:off x="6540720" y="2678485"/>
              <a:ext cx="623608" cy="3091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Arrow Connector 29"/>
            <p:cNvCxnSpPr>
              <a:endCxn id="12" idx="3"/>
            </p:cNvCxnSpPr>
            <p:nvPr/>
          </p:nvCxnSpPr>
          <p:spPr>
            <a:xfrm flipV="1">
              <a:off x="6540720" y="2805764"/>
              <a:ext cx="676329" cy="466588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" name="Oval 3"/>
            <p:cNvSpPr/>
            <p:nvPr/>
          </p:nvSpPr>
          <p:spPr>
            <a:xfrm>
              <a:off x="5545323" y="1928603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A1</a:t>
              </a:r>
            </a:p>
          </p:txBody>
        </p:sp>
        <p:sp>
          <p:nvSpPr>
            <p:cNvPr id="8" name="Oval 7"/>
            <p:cNvSpPr/>
            <p:nvPr/>
          </p:nvSpPr>
          <p:spPr>
            <a:xfrm>
              <a:off x="5534035" y="2501576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A2</a:t>
              </a:r>
            </a:p>
          </p:txBody>
        </p:sp>
        <p:sp>
          <p:nvSpPr>
            <p:cNvPr id="10" name="Oval 9"/>
            <p:cNvSpPr/>
            <p:nvPr/>
          </p:nvSpPr>
          <p:spPr>
            <a:xfrm>
              <a:off x="6359558" y="2501576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2</a:t>
              </a:r>
            </a:p>
          </p:txBody>
        </p:sp>
        <p:sp>
          <p:nvSpPr>
            <p:cNvPr id="11" name="Oval 10"/>
            <p:cNvSpPr/>
            <p:nvPr/>
          </p:nvSpPr>
          <p:spPr>
            <a:xfrm>
              <a:off x="6360720" y="3092352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3</a:t>
              </a:r>
            </a:p>
          </p:txBody>
        </p:sp>
        <p:sp>
          <p:nvSpPr>
            <p:cNvPr id="12" name="Oval 11"/>
            <p:cNvSpPr/>
            <p:nvPr/>
          </p:nvSpPr>
          <p:spPr>
            <a:xfrm>
              <a:off x="7164328" y="2498485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4</a:t>
              </a:r>
            </a:p>
          </p:txBody>
        </p:sp>
        <p:sp>
          <p:nvSpPr>
            <p:cNvPr id="9" name="Oval 8"/>
            <p:cNvSpPr/>
            <p:nvPr/>
          </p:nvSpPr>
          <p:spPr>
            <a:xfrm>
              <a:off x="6359558" y="1928603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1</a:t>
              </a:r>
            </a:p>
          </p:txBody>
        </p:sp>
      </p:grpSp>
      <p:grpSp>
        <p:nvGrpSpPr>
          <p:cNvPr id="48" name="Group 47"/>
          <p:cNvGrpSpPr/>
          <p:nvPr/>
        </p:nvGrpSpPr>
        <p:grpSpPr>
          <a:xfrm>
            <a:off x="7384560" y="4853507"/>
            <a:ext cx="2735748" cy="625212"/>
            <a:chOff x="2915816" y="5661248"/>
            <a:chExt cx="2735748" cy="625212"/>
          </a:xfrm>
        </p:grpSpPr>
        <p:sp>
          <p:nvSpPr>
            <p:cNvPr id="58" name="Oval 57"/>
            <p:cNvSpPr/>
            <p:nvPr/>
          </p:nvSpPr>
          <p:spPr>
            <a:xfrm>
              <a:off x="291581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 dirty="0">
                  <a:solidFill>
                    <a:schemeClr val="bg1"/>
                  </a:solidFill>
                </a:rPr>
                <a:t>A1</a:t>
              </a:r>
            </a:p>
          </p:txBody>
        </p:sp>
        <p:sp>
          <p:nvSpPr>
            <p:cNvPr id="59" name="Oval 58"/>
            <p:cNvSpPr/>
            <p:nvPr/>
          </p:nvSpPr>
          <p:spPr>
            <a:xfrm>
              <a:off x="339096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A2</a:t>
              </a:r>
            </a:p>
          </p:txBody>
        </p:sp>
        <p:sp>
          <p:nvSpPr>
            <p:cNvPr id="60" name="Oval 59"/>
            <p:cNvSpPr/>
            <p:nvPr/>
          </p:nvSpPr>
          <p:spPr>
            <a:xfrm>
              <a:off x="386611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1</a:t>
              </a:r>
            </a:p>
          </p:txBody>
        </p:sp>
        <p:sp>
          <p:nvSpPr>
            <p:cNvPr id="61" name="Oval 60"/>
            <p:cNvSpPr/>
            <p:nvPr/>
          </p:nvSpPr>
          <p:spPr>
            <a:xfrm>
              <a:off x="434126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2</a:t>
              </a:r>
            </a:p>
          </p:txBody>
        </p:sp>
        <p:sp>
          <p:nvSpPr>
            <p:cNvPr id="62" name="Oval 61"/>
            <p:cNvSpPr/>
            <p:nvPr/>
          </p:nvSpPr>
          <p:spPr>
            <a:xfrm>
              <a:off x="481641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3</a:t>
              </a:r>
            </a:p>
          </p:txBody>
        </p:sp>
        <p:sp>
          <p:nvSpPr>
            <p:cNvPr id="63" name="Oval 62"/>
            <p:cNvSpPr/>
            <p:nvPr/>
          </p:nvSpPr>
          <p:spPr>
            <a:xfrm>
              <a:off x="5291564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4</a:t>
              </a:r>
            </a:p>
          </p:txBody>
        </p:sp>
        <p:cxnSp>
          <p:nvCxnSpPr>
            <p:cNvPr id="88" name="Straight Arrow Connector 87"/>
            <p:cNvCxnSpPr>
              <a:stCxn id="62" idx="6"/>
              <a:endCxn id="63" idx="2"/>
            </p:cNvCxnSpPr>
            <p:nvPr/>
          </p:nvCxnSpPr>
          <p:spPr>
            <a:xfrm>
              <a:off x="5176416" y="6106460"/>
              <a:ext cx="115148" cy="0"/>
            </a:xfrm>
            <a:prstGeom prst="straightConnector1">
              <a:avLst/>
            </a:prstGeom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2" name="Straight Arrow Connector 91"/>
            <p:cNvCxnSpPr>
              <a:stCxn id="59" idx="6"/>
              <a:endCxn id="60" idx="2"/>
            </p:cNvCxnSpPr>
            <p:nvPr/>
          </p:nvCxnSpPr>
          <p:spPr>
            <a:xfrm>
              <a:off x="3750966" y="6106460"/>
              <a:ext cx="115150" cy="0"/>
            </a:xfrm>
            <a:prstGeom prst="straightConnector1">
              <a:avLst/>
            </a:prstGeom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Freeform 45"/>
            <p:cNvSpPr/>
            <p:nvPr/>
          </p:nvSpPr>
          <p:spPr>
            <a:xfrm>
              <a:off x="3111258" y="5856711"/>
              <a:ext cx="840333" cy="88240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61498" y="81886"/>
                    <a:pt x="316173" y="0"/>
                    <a:pt x="464024" y="0"/>
                  </a:cubicBezTo>
                  <a:cubicBezTo>
                    <a:pt x="611875" y="0"/>
                    <a:pt x="798963" y="129654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Freeform 95"/>
            <p:cNvSpPr/>
            <p:nvPr/>
          </p:nvSpPr>
          <p:spPr>
            <a:xfrm>
              <a:off x="3131749" y="5723763"/>
              <a:ext cx="1305140" cy="214582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70844 h 170844"/>
                <a:gd name="connsiteX1" fmla="*/ 360437 w 887105"/>
                <a:gd name="connsiteY1" fmla="*/ 0 h 170844"/>
                <a:gd name="connsiteX2" fmla="*/ 887105 w 887105"/>
                <a:gd name="connsiteY2" fmla="*/ 170844 h 170844"/>
                <a:gd name="connsiteX0" fmla="*/ 0 w 887105"/>
                <a:gd name="connsiteY0" fmla="*/ 170844 h 170844"/>
                <a:gd name="connsiteX1" fmla="*/ 293106 w 887105"/>
                <a:gd name="connsiteY1" fmla="*/ 0 h 170844"/>
                <a:gd name="connsiteX2" fmla="*/ 887105 w 887105"/>
                <a:gd name="connsiteY2" fmla="*/ 170844 h 170844"/>
                <a:gd name="connsiteX0" fmla="*/ 0 w 887105"/>
                <a:gd name="connsiteY0" fmla="*/ 170844 h 170844"/>
                <a:gd name="connsiteX1" fmla="*/ 293106 w 887105"/>
                <a:gd name="connsiteY1" fmla="*/ 0 h 170844"/>
                <a:gd name="connsiteX2" fmla="*/ 887105 w 887105"/>
                <a:gd name="connsiteY2" fmla="*/ 170844 h 170844"/>
                <a:gd name="connsiteX0" fmla="*/ 0 w 887105"/>
                <a:gd name="connsiteY0" fmla="*/ 199129 h 199129"/>
                <a:gd name="connsiteX1" fmla="*/ 520996 w 887105"/>
                <a:gd name="connsiteY1" fmla="*/ 0 h 199129"/>
                <a:gd name="connsiteX2" fmla="*/ 887105 w 887105"/>
                <a:gd name="connsiteY2" fmla="*/ 199129 h 199129"/>
                <a:gd name="connsiteX0" fmla="*/ 0 w 887105"/>
                <a:gd name="connsiteY0" fmla="*/ 199131 h 199131"/>
                <a:gd name="connsiteX1" fmla="*/ 520996 w 887105"/>
                <a:gd name="connsiteY1" fmla="*/ 2 h 199131"/>
                <a:gd name="connsiteX2" fmla="*/ 887105 w 887105"/>
                <a:gd name="connsiteY2" fmla="*/ 199131 h 199131"/>
                <a:gd name="connsiteX0" fmla="*/ 0 w 887105"/>
                <a:gd name="connsiteY0" fmla="*/ 199131 h 199131"/>
                <a:gd name="connsiteX1" fmla="*/ 520996 w 887105"/>
                <a:gd name="connsiteY1" fmla="*/ 2 h 199131"/>
                <a:gd name="connsiteX2" fmla="*/ 887105 w 887105"/>
                <a:gd name="connsiteY2" fmla="*/ 199131 h 1991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99131">
                  <a:moveTo>
                    <a:pt x="0" y="199131"/>
                  </a:moveTo>
                  <a:cubicBezTo>
                    <a:pt x="99346" y="-2969"/>
                    <a:pt x="373145" y="2"/>
                    <a:pt x="520996" y="2"/>
                  </a:cubicBezTo>
                  <a:cubicBezTo>
                    <a:pt x="668847" y="2"/>
                    <a:pt x="830039" y="87228"/>
                    <a:pt x="887105" y="199131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 96"/>
            <p:cNvSpPr/>
            <p:nvPr/>
          </p:nvSpPr>
          <p:spPr>
            <a:xfrm>
              <a:off x="3563332" y="5856710"/>
              <a:ext cx="840333" cy="102173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61498" y="81886"/>
                    <a:pt x="316173" y="0"/>
                    <a:pt x="464024" y="0"/>
                  </a:cubicBezTo>
                  <a:cubicBezTo>
                    <a:pt x="611875" y="0"/>
                    <a:pt x="798963" y="129654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8" name="Freeform 97"/>
            <p:cNvSpPr/>
            <p:nvPr/>
          </p:nvSpPr>
          <p:spPr>
            <a:xfrm>
              <a:off x="4521266" y="5866590"/>
              <a:ext cx="840333" cy="88240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61498" y="81886"/>
                    <a:pt x="316173" y="0"/>
                    <a:pt x="464024" y="0"/>
                  </a:cubicBezTo>
                  <a:cubicBezTo>
                    <a:pt x="611875" y="0"/>
                    <a:pt x="798963" y="129654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9" name="Freeform 98"/>
            <p:cNvSpPr/>
            <p:nvPr/>
          </p:nvSpPr>
          <p:spPr>
            <a:xfrm>
              <a:off x="4095940" y="5686544"/>
              <a:ext cx="1310054" cy="268286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35698" y="53976"/>
                    <a:pt x="316173" y="0"/>
                    <a:pt x="464024" y="0"/>
                  </a:cubicBezTo>
                  <a:cubicBezTo>
                    <a:pt x="611875" y="0"/>
                    <a:pt x="762844" y="27320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00" name="Straight Arrow Connector 99"/>
            <p:cNvCxnSpPr/>
            <p:nvPr/>
          </p:nvCxnSpPr>
          <p:spPr>
            <a:xfrm>
              <a:off x="4692647" y="6106460"/>
              <a:ext cx="115148" cy="0"/>
            </a:xfrm>
            <a:prstGeom prst="straightConnector1">
              <a:avLst/>
            </a:prstGeom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1" name="Freeform 100"/>
            <p:cNvSpPr/>
            <p:nvPr/>
          </p:nvSpPr>
          <p:spPr>
            <a:xfrm>
              <a:off x="3570966" y="5661248"/>
              <a:ext cx="1330038" cy="300710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35698" y="53976"/>
                    <a:pt x="316173" y="0"/>
                    <a:pt x="464024" y="0"/>
                  </a:cubicBezTo>
                  <a:cubicBezTo>
                    <a:pt x="611875" y="0"/>
                    <a:pt x="762844" y="27320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02" name="TextBox 101"/>
          <p:cNvSpPr txBox="1"/>
          <p:nvPr/>
        </p:nvSpPr>
        <p:spPr>
          <a:xfrm>
            <a:off x="6744072" y="2233402"/>
            <a:ext cx="3960440" cy="1384995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</a:t>
            </a:r>
            <a:r>
              <a:rPr lang="da-DK" dirty="0" err="1"/>
              <a:t>uberegnet</a:t>
            </a:r>
            <a:r>
              <a:rPr lang="da-DK" dirty="0"/>
              <a:t> celle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  <a:r>
              <a:rPr lang="da-DK" dirty="0"/>
              <a:t> hvor alle 	afhængigheder er beregnet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Beregn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6584332" y="5848236"/>
            <a:ext cx="4336204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b="1" err="1"/>
              <a:t>topologisk</a:t>
            </a:r>
            <a:r>
              <a:rPr lang="en-US" sz="2000" b="1"/>
              <a:t> </a:t>
            </a:r>
            <a:r>
              <a:rPr lang="en-US" sz="2000" b="1" err="1"/>
              <a:t>sortering</a:t>
            </a:r>
            <a:br>
              <a:rPr lang="en-US" sz="2000" b="1"/>
            </a:br>
            <a:r>
              <a:rPr lang="en-US"/>
              <a:t> </a:t>
            </a:r>
            <a:r>
              <a:rPr lang="en-US" err="1"/>
              <a:t>alle</a:t>
            </a:r>
            <a:r>
              <a:rPr lang="en-US"/>
              <a:t> </a:t>
            </a:r>
            <a:r>
              <a:rPr lang="en-US" err="1"/>
              <a:t>kanter</a:t>
            </a:r>
            <a:r>
              <a:rPr lang="en-US"/>
              <a:t> </a:t>
            </a:r>
            <a:r>
              <a:rPr lang="en-US" err="1"/>
              <a:t>peger</a:t>
            </a:r>
            <a:r>
              <a:rPr lang="en-US"/>
              <a:t> </a:t>
            </a:r>
            <a:r>
              <a:rPr lang="en-US" err="1"/>
              <a:t>fra</a:t>
            </a:r>
            <a:r>
              <a:rPr lang="en-US"/>
              <a:t> </a:t>
            </a:r>
            <a:r>
              <a:rPr lang="en-US" err="1"/>
              <a:t>venstre</a:t>
            </a:r>
            <a:r>
              <a:rPr lang="en-US"/>
              <a:t> mod </a:t>
            </a:r>
            <a:r>
              <a:rPr lang="en-US" err="1"/>
              <a:t>højre</a:t>
            </a:r>
            <a:endParaRPr lang="en-US"/>
          </a:p>
        </p:txBody>
      </p:sp>
      <p:cxnSp>
        <p:nvCxnSpPr>
          <p:cNvPr id="51" name="Straight Arrow Connector 50"/>
          <p:cNvCxnSpPr/>
          <p:nvPr/>
        </p:nvCxnSpPr>
        <p:spPr>
          <a:xfrm>
            <a:off x="7384560" y="4712933"/>
            <a:ext cx="2735748" cy="0"/>
          </a:xfrm>
          <a:prstGeom prst="straightConnector1">
            <a:avLst/>
          </a:prstGeom>
          <a:ln w="38100">
            <a:solidFill>
              <a:srgbClr val="C0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TextBox 51"/>
          <p:cNvSpPr txBox="1"/>
          <p:nvPr/>
        </p:nvSpPr>
        <p:spPr>
          <a:xfrm>
            <a:off x="7536165" y="4332399"/>
            <a:ext cx="230223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 err="1">
                <a:solidFill>
                  <a:srgbClr val="C00000"/>
                </a:solidFill>
              </a:rPr>
              <a:t>beregningsrækkefølge</a:t>
            </a:r>
            <a:endParaRPr lang="en-US" dirty="0">
              <a:solidFill>
                <a:srgbClr val="C00000"/>
              </a:solidFill>
            </a:endParaRPr>
          </a:p>
        </p:txBody>
      </p:sp>
      <p:pic>
        <p:nvPicPr>
          <p:cNvPr id="56" name="Picture 7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3512" y="1926643"/>
            <a:ext cx="3600450" cy="23336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cxnSp>
        <p:nvCxnSpPr>
          <p:cNvPr id="23" name="Straight Connector 22"/>
          <p:cNvCxnSpPr/>
          <p:nvPr/>
        </p:nvCxnSpPr>
        <p:spPr>
          <a:xfrm flipV="1">
            <a:off x="2492568" y="2709048"/>
            <a:ext cx="180000" cy="72008"/>
          </a:xfrm>
          <a:prstGeom prst="line">
            <a:avLst/>
          </a:prstGeom>
          <a:ln w="28575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/>
        </p:nvSpPr>
        <p:spPr>
          <a:xfrm>
            <a:off x="2251572" y="2556565"/>
            <a:ext cx="3600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rgbClr val="C00000"/>
                </a:solidFill>
              </a:rPr>
              <a:t>7</a:t>
            </a:r>
          </a:p>
        </p:txBody>
      </p:sp>
      <p:sp>
        <p:nvSpPr>
          <p:cNvPr id="53" name="TextBox 52"/>
          <p:cNvSpPr txBox="1"/>
          <p:nvPr/>
        </p:nvSpPr>
        <p:spPr>
          <a:xfrm>
            <a:off x="2730227" y="2526897"/>
            <a:ext cx="361202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6000">
                <a:solidFill>
                  <a:srgbClr val="C00000"/>
                </a:solidFill>
              </a:rPr>
              <a:t>?</a:t>
            </a:r>
          </a:p>
        </p:txBody>
      </p:sp>
      <p:sp>
        <p:nvSpPr>
          <p:cNvPr id="29" name="Rectangle 28"/>
          <p:cNvSpPr/>
          <p:nvPr/>
        </p:nvSpPr>
        <p:spPr>
          <a:xfrm>
            <a:off x="3234283" y="2637040"/>
            <a:ext cx="608780" cy="787896"/>
          </a:xfrm>
          <a:prstGeom prst="rect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989237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2" grpId="0" animBg="1"/>
      <p:bldP spid="47" grpId="0"/>
      <p:bldP spid="52" grpId="0"/>
      <p:bldP spid="27" grpId="0"/>
      <p:bldP spid="53" grpId="0"/>
      <p:bldP spid="29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8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61" t="439" r="69696" b="67706"/>
          <a:stretch/>
        </p:blipFill>
        <p:spPr bwMode="auto">
          <a:xfrm>
            <a:off x="1703512" y="1919531"/>
            <a:ext cx="3592478" cy="2350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099" name="Picture 3"/>
          <p:cNvPicPr>
            <a:picLocks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4875" y="1916832"/>
            <a:ext cx="3589200" cy="23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27" name="Group 26"/>
          <p:cNvGrpSpPr/>
          <p:nvPr/>
        </p:nvGrpSpPr>
        <p:grpSpPr>
          <a:xfrm>
            <a:off x="2580308" y="4699784"/>
            <a:ext cx="1697452" cy="1537528"/>
            <a:chOff x="1230412" y="4614575"/>
            <a:chExt cx="1697452" cy="1537528"/>
          </a:xfrm>
        </p:grpSpPr>
        <p:cxnSp>
          <p:nvCxnSpPr>
            <p:cNvPr id="22" name="Straight Arrow Connector 21"/>
            <p:cNvCxnSpPr>
              <a:endCxn id="11" idx="1"/>
            </p:cNvCxnSpPr>
            <p:nvPr/>
          </p:nvCxnSpPr>
          <p:spPr>
            <a:xfrm>
              <a:off x="1405467" y="5376333"/>
              <a:ext cx="717582" cy="468491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Arrow Connector 29"/>
            <p:cNvCxnSpPr>
              <a:cxnSpLocks/>
            </p:cNvCxnSpPr>
            <p:nvPr/>
          </p:nvCxnSpPr>
          <p:spPr>
            <a:xfrm flipV="1">
              <a:off x="2244874" y="5497681"/>
              <a:ext cx="682990" cy="471952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Arrow Connector 15"/>
            <p:cNvCxnSpPr>
              <a:cxnSpLocks/>
            </p:cNvCxnSpPr>
            <p:nvPr/>
          </p:nvCxnSpPr>
          <p:spPr>
            <a:xfrm flipV="1">
              <a:off x="1443509" y="4783951"/>
              <a:ext cx="638299" cy="71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Arrow Connector 17"/>
            <p:cNvCxnSpPr>
              <a:endCxn id="10" idx="1"/>
            </p:cNvCxnSpPr>
            <p:nvPr/>
          </p:nvCxnSpPr>
          <p:spPr>
            <a:xfrm>
              <a:off x="1430867" y="4817533"/>
              <a:ext cx="691020" cy="43651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Arrow Connector 19"/>
            <p:cNvCxnSpPr>
              <a:endCxn id="10" idx="2"/>
            </p:cNvCxnSpPr>
            <p:nvPr/>
          </p:nvCxnSpPr>
          <p:spPr>
            <a:xfrm flipV="1">
              <a:off x="1405467" y="5381327"/>
              <a:ext cx="663699" cy="347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Arrow Connector 23"/>
            <p:cNvCxnSpPr>
              <a:endCxn id="11" idx="0"/>
            </p:cNvCxnSpPr>
            <p:nvPr/>
          </p:nvCxnSpPr>
          <p:spPr>
            <a:xfrm>
              <a:off x="2243667" y="5376333"/>
              <a:ext cx="6661" cy="41577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Arrow Connector 27"/>
            <p:cNvCxnSpPr>
              <a:cxnSpLocks/>
            </p:cNvCxnSpPr>
            <p:nvPr/>
          </p:nvCxnSpPr>
          <p:spPr>
            <a:xfrm>
              <a:off x="2201293" y="5386000"/>
              <a:ext cx="672603" cy="157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Arrow Connector 40"/>
            <p:cNvCxnSpPr>
              <a:cxnSpLocks/>
            </p:cNvCxnSpPr>
            <p:nvPr/>
          </p:nvCxnSpPr>
          <p:spPr>
            <a:xfrm flipH="1">
              <a:off x="1410885" y="4837580"/>
              <a:ext cx="7224" cy="358394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Oval 10"/>
            <p:cNvSpPr/>
            <p:nvPr/>
          </p:nvSpPr>
          <p:spPr>
            <a:xfrm>
              <a:off x="2070328" y="5792103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da-DK" b="1">
                  <a:solidFill>
                    <a:schemeClr val="bg1"/>
                  </a:solidFill>
                </a:rPr>
                <a:t>C3</a:t>
              </a:r>
            </a:p>
          </p:txBody>
        </p:sp>
        <p:sp>
          <p:nvSpPr>
            <p:cNvPr id="10" name="Oval 9"/>
            <p:cNvSpPr/>
            <p:nvPr/>
          </p:nvSpPr>
          <p:spPr>
            <a:xfrm>
              <a:off x="2069166" y="5201327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da-DK" b="1">
                  <a:solidFill>
                    <a:schemeClr val="bg1"/>
                  </a:solidFill>
                </a:rPr>
                <a:t>C2</a:t>
              </a:r>
            </a:p>
          </p:txBody>
        </p:sp>
        <p:sp>
          <p:nvSpPr>
            <p:cNvPr id="4" name="Oval 3"/>
            <p:cNvSpPr/>
            <p:nvPr/>
          </p:nvSpPr>
          <p:spPr>
            <a:xfrm>
              <a:off x="1230412" y="4614575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da-DK" b="1" dirty="0">
                  <a:solidFill>
                    <a:schemeClr val="bg1"/>
                  </a:solidFill>
                </a:rPr>
                <a:t>A1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>
                <a:solidFill>
                  <a:srgbClr val="C00000"/>
                </a:solidFill>
              </a:rPr>
              <a:t>Opdatering af Regneark</a:t>
            </a:r>
          </a:p>
        </p:txBody>
      </p:sp>
      <p:sp>
        <p:nvSpPr>
          <p:cNvPr id="12" name="Oval 11"/>
          <p:cNvSpPr/>
          <p:nvPr/>
        </p:nvSpPr>
        <p:spPr>
          <a:xfrm>
            <a:off x="4223832" y="5283440"/>
            <a:ext cx="360000" cy="360000"/>
          </a:xfrm>
          <a:prstGeom prst="ellips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b="1">
                <a:solidFill>
                  <a:schemeClr val="bg1"/>
                </a:solidFill>
              </a:rPr>
              <a:t>C4</a:t>
            </a:r>
          </a:p>
        </p:txBody>
      </p:sp>
      <p:sp>
        <p:nvSpPr>
          <p:cNvPr id="102" name="TextBox 101"/>
          <p:cNvSpPr txBox="1"/>
          <p:nvPr/>
        </p:nvSpPr>
        <p:spPr>
          <a:xfrm>
            <a:off x="6593891" y="2037829"/>
            <a:ext cx="4176464" cy="1938992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363538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uberegnet celle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  <a:r>
              <a:rPr lang="da-DK" dirty="0"/>
              <a:t> hvor alle 	afhængigheder er beregnet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Beregn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Hvis ikke alle celler beregnet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Rapporter at der findes en</a:t>
            </a:r>
            <a:r>
              <a:rPr lang="da-DK" b="1" dirty="0">
                <a:solidFill>
                  <a:srgbClr val="0070C0"/>
                </a:solidFill>
              </a:rPr>
              <a:t> cykel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6440316" y="4983021"/>
            <a:ext cx="4336204" cy="9848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000" b="1" dirty="0"/>
              <a:t>topologisk sorterer</a:t>
            </a:r>
            <a:br>
              <a:rPr lang="da-DK" sz="2000" b="1" dirty="0"/>
            </a:br>
            <a:r>
              <a:rPr lang="da-DK" dirty="0"/>
              <a:t> eller </a:t>
            </a:r>
          </a:p>
          <a:p>
            <a:pPr algn="ctr"/>
            <a:r>
              <a:rPr lang="da-DK" sz="2000" b="1" dirty="0"/>
              <a:t>identificerer en cykel</a:t>
            </a:r>
          </a:p>
        </p:txBody>
      </p:sp>
      <p:cxnSp>
        <p:nvCxnSpPr>
          <p:cNvPr id="6" name="Straight Arrow Connector 5"/>
          <p:cNvCxnSpPr>
            <a:endCxn id="9" idx="3"/>
          </p:cNvCxnSpPr>
          <p:nvPr/>
        </p:nvCxnSpPr>
        <p:spPr>
          <a:xfrm flipV="1">
            <a:off x="2763829" y="5020842"/>
            <a:ext cx="707954" cy="449167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endCxn id="12" idx="1"/>
          </p:cNvCxnSpPr>
          <p:nvPr/>
        </p:nvCxnSpPr>
        <p:spPr>
          <a:xfrm>
            <a:off x="3568163" y="4885809"/>
            <a:ext cx="708390" cy="450357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Curved Connector 12"/>
          <p:cNvCxnSpPr>
            <a:stCxn id="12" idx="4"/>
            <a:endCxn id="8" idx="4"/>
          </p:cNvCxnSpPr>
          <p:nvPr/>
        </p:nvCxnSpPr>
        <p:spPr>
          <a:xfrm rot="5400000">
            <a:off x="3587146" y="4829844"/>
            <a:ext cx="3091" cy="1630293"/>
          </a:xfrm>
          <a:prstGeom prst="curvedConnector3">
            <a:avLst>
              <a:gd name="adj1" fmla="val 23307053"/>
            </a:avLst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Oval 8"/>
          <p:cNvSpPr/>
          <p:nvPr/>
        </p:nvSpPr>
        <p:spPr>
          <a:xfrm>
            <a:off x="3419062" y="4713558"/>
            <a:ext cx="360000" cy="360000"/>
          </a:xfrm>
          <a:prstGeom prst="ellips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b="1">
                <a:solidFill>
                  <a:schemeClr val="bg1"/>
                </a:solidFill>
              </a:rPr>
              <a:t>C1</a:t>
            </a:r>
          </a:p>
        </p:txBody>
      </p:sp>
      <p:sp>
        <p:nvSpPr>
          <p:cNvPr id="8" name="Oval 7"/>
          <p:cNvSpPr/>
          <p:nvPr/>
        </p:nvSpPr>
        <p:spPr>
          <a:xfrm>
            <a:off x="2593539" y="5286531"/>
            <a:ext cx="360000" cy="360000"/>
          </a:xfrm>
          <a:prstGeom prst="ellips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b="1">
                <a:solidFill>
                  <a:schemeClr val="bg1"/>
                </a:solidFill>
              </a:rPr>
              <a:t>A2</a:t>
            </a:r>
          </a:p>
        </p:txBody>
      </p:sp>
    </p:spTree>
    <p:extLst>
      <p:ext uri="{BB962C8B-B14F-4D97-AF65-F5344CB8AC3E}">
        <p14:creationId xmlns:p14="http://schemas.microsoft.com/office/powerpoint/2010/main" val="22988749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0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34" dur="2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35" dur="2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6" dur="2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38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39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0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2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43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4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6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47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9" dur="2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50" dur="2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52" dur="2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53" dur="2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4" fill="hold">
                      <p:stCondLst>
                        <p:cond delay="indefinite"/>
                      </p:stCondLst>
                      <p:childTnLst>
                        <p:par>
                          <p:cTn id="55" fill="hold">
                            <p:stCondLst>
                              <p:cond delay="0"/>
                            </p:stCondLst>
                            <p:childTnLst>
                              <p:par>
                                <p:cTn id="5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40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4" fill="hold">
                      <p:stCondLst>
                        <p:cond delay="indefinite"/>
                      </p:stCondLst>
                      <p:childTnLst>
                        <p:par>
                          <p:cTn id="65" fill="hold">
                            <p:stCondLst>
                              <p:cond delay="0"/>
                            </p:stCondLst>
                            <p:childTnLst>
                              <p:par>
                                <p:cTn id="6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02" grpId="0" animBg="1"/>
      <p:bldP spid="47" grpId="0"/>
      <p:bldP spid="9" grpId="0" animBg="1"/>
      <p:bldP spid="8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Freeform 43"/>
          <p:cNvSpPr/>
          <p:nvPr/>
        </p:nvSpPr>
        <p:spPr>
          <a:xfrm>
            <a:off x="5471155" y="2938073"/>
            <a:ext cx="360576" cy="318362"/>
          </a:xfrm>
          <a:custGeom>
            <a:avLst/>
            <a:gdLst>
              <a:gd name="connsiteX0" fmla="*/ 266700 w 266700"/>
              <a:gd name="connsiteY0" fmla="*/ 0 h 409575"/>
              <a:gd name="connsiteX1" fmla="*/ 0 w 266700"/>
              <a:gd name="connsiteY1" fmla="*/ 180975 h 409575"/>
              <a:gd name="connsiteX2" fmla="*/ 180975 w 266700"/>
              <a:gd name="connsiteY2" fmla="*/ 409575 h 409575"/>
              <a:gd name="connsiteX3" fmla="*/ 266700 w 266700"/>
              <a:gd name="connsiteY3" fmla="*/ 0 h 409575"/>
              <a:gd name="connsiteX0" fmla="*/ 266700 w 273909"/>
              <a:gd name="connsiteY0" fmla="*/ 6076 h 415651"/>
              <a:gd name="connsiteX1" fmla="*/ 0 w 273909"/>
              <a:gd name="connsiteY1" fmla="*/ 187051 h 415651"/>
              <a:gd name="connsiteX2" fmla="*/ 180975 w 273909"/>
              <a:gd name="connsiteY2" fmla="*/ 415651 h 415651"/>
              <a:gd name="connsiteX3" fmla="*/ 266700 w 273909"/>
              <a:gd name="connsiteY3" fmla="*/ 6076 h 415651"/>
              <a:gd name="connsiteX0" fmla="*/ 266700 w 273211"/>
              <a:gd name="connsiteY0" fmla="*/ 6076 h 418658"/>
              <a:gd name="connsiteX1" fmla="*/ 0 w 273211"/>
              <a:gd name="connsiteY1" fmla="*/ 187051 h 418658"/>
              <a:gd name="connsiteX2" fmla="*/ 180975 w 273211"/>
              <a:gd name="connsiteY2" fmla="*/ 415651 h 418658"/>
              <a:gd name="connsiteX3" fmla="*/ 266700 w 273211"/>
              <a:gd name="connsiteY3" fmla="*/ 6076 h 418658"/>
              <a:gd name="connsiteX0" fmla="*/ 271239 w 277750"/>
              <a:gd name="connsiteY0" fmla="*/ 5670 h 418252"/>
              <a:gd name="connsiteX1" fmla="*/ 4539 w 277750"/>
              <a:gd name="connsiteY1" fmla="*/ 186645 h 418252"/>
              <a:gd name="connsiteX2" fmla="*/ 185514 w 277750"/>
              <a:gd name="connsiteY2" fmla="*/ 415245 h 418252"/>
              <a:gd name="connsiteX3" fmla="*/ 271239 w 277750"/>
              <a:gd name="connsiteY3" fmla="*/ 5670 h 418252"/>
              <a:gd name="connsiteX0" fmla="*/ 271239 w 303848"/>
              <a:gd name="connsiteY0" fmla="*/ 5670 h 417655"/>
              <a:gd name="connsiteX1" fmla="*/ 4539 w 303848"/>
              <a:gd name="connsiteY1" fmla="*/ 186645 h 417655"/>
              <a:gd name="connsiteX2" fmla="*/ 185514 w 303848"/>
              <a:gd name="connsiteY2" fmla="*/ 415245 h 417655"/>
              <a:gd name="connsiteX3" fmla="*/ 271239 w 303848"/>
              <a:gd name="connsiteY3" fmla="*/ 5670 h 417655"/>
              <a:gd name="connsiteX0" fmla="*/ 270016 w 287682"/>
              <a:gd name="connsiteY0" fmla="*/ 4854 h 390771"/>
              <a:gd name="connsiteX1" fmla="*/ 3316 w 287682"/>
              <a:gd name="connsiteY1" fmla="*/ 185829 h 390771"/>
              <a:gd name="connsiteX2" fmla="*/ 150180 w 287682"/>
              <a:gd name="connsiteY2" fmla="*/ 388174 h 390771"/>
              <a:gd name="connsiteX3" fmla="*/ 270016 w 287682"/>
              <a:gd name="connsiteY3" fmla="*/ 4854 h 390771"/>
              <a:gd name="connsiteX0" fmla="*/ 185072 w 193797"/>
              <a:gd name="connsiteY0" fmla="*/ 5062 h 382890"/>
              <a:gd name="connsiteX1" fmla="*/ 237 w 193797"/>
              <a:gd name="connsiteY1" fmla="*/ 177285 h 382890"/>
              <a:gd name="connsiteX2" fmla="*/ 147101 w 193797"/>
              <a:gd name="connsiteY2" fmla="*/ 379630 h 382890"/>
              <a:gd name="connsiteX3" fmla="*/ 185072 w 193797"/>
              <a:gd name="connsiteY3" fmla="*/ 5062 h 382890"/>
              <a:gd name="connsiteX0" fmla="*/ 185072 w 232623"/>
              <a:gd name="connsiteY0" fmla="*/ 4503 h 382330"/>
              <a:gd name="connsiteX1" fmla="*/ 237 w 232623"/>
              <a:gd name="connsiteY1" fmla="*/ 176726 h 382330"/>
              <a:gd name="connsiteX2" fmla="*/ 147101 w 232623"/>
              <a:gd name="connsiteY2" fmla="*/ 379071 h 382330"/>
              <a:gd name="connsiteX3" fmla="*/ 185072 w 232623"/>
              <a:gd name="connsiteY3" fmla="*/ 4503 h 382330"/>
              <a:gd name="connsiteX0" fmla="*/ 185072 w 242494"/>
              <a:gd name="connsiteY0" fmla="*/ 17687 h 395514"/>
              <a:gd name="connsiteX1" fmla="*/ 237 w 242494"/>
              <a:gd name="connsiteY1" fmla="*/ 189910 h 395514"/>
              <a:gd name="connsiteX2" fmla="*/ 147101 w 242494"/>
              <a:gd name="connsiteY2" fmla="*/ 392255 h 395514"/>
              <a:gd name="connsiteX3" fmla="*/ 185072 w 242494"/>
              <a:gd name="connsiteY3" fmla="*/ 17687 h 395514"/>
              <a:gd name="connsiteX0" fmla="*/ 185080 w 262695"/>
              <a:gd name="connsiteY0" fmla="*/ 17687 h 394424"/>
              <a:gd name="connsiteX1" fmla="*/ 245 w 262695"/>
              <a:gd name="connsiteY1" fmla="*/ 189910 h 394424"/>
              <a:gd name="connsiteX2" fmla="*/ 147109 w 262695"/>
              <a:gd name="connsiteY2" fmla="*/ 392255 h 394424"/>
              <a:gd name="connsiteX3" fmla="*/ 185080 w 262695"/>
              <a:gd name="connsiteY3" fmla="*/ 17687 h 394424"/>
              <a:gd name="connsiteX0" fmla="*/ 184994 w 221675"/>
              <a:gd name="connsiteY0" fmla="*/ 1746 h 292434"/>
              <a:gd name="connsiteX1" fmla="*/ 159 w 221675"/>
              <a:gd name="connsiteY1" fmla="*/ 173969 h 292434"/>
              <a:gd name="connsiteX2" fmla="*/ 153845 w 221675"/>
              <a:gd name="connsiteY2" fmla="*/ 288798 h 292434"/>
              <a:gd name="connsiteX3" fmla="*/ 184994 w 221675"/>
              <a:gd name="connsiteY3" fmla="*/ 1746 h 292434"/>
              <a:gd name="connsiteX0" fmla="*/ 184994 w 223366"/>
              <a:gd name="connsiteY0" fmla="*/ 296 h 290984"/>
              <a:gd name="connsiteX1" fmla="*/ 159 w 223366"/>
              <a:gd name="connsiteY1" fmla="*/ 172519 h 290984"/>
              <a:gd name="connsiteX2" fmla="*/ 153845 w 223366"/>
              <a:gd name="connsiteY2" fmla="*/ 287348 h 290984"/>
              <a:gd name="connsiteX3" fmla="*/ 184994 w 223366"/>
              <a:gd name="connsiteY3" fmla="*/ 296 h 290984"/>
              <a:gd name="connsiteX0" fmla="*/ 184994 w 258256"/>
              <a:gd name="connsiteY0" fmla="*/ 1822 h 292510"/>
              <a:gd name="connsiteX1" fmla="*/ 159 w 258256"/>
              <a:gd name="connsiteY1" fmla="*/ 174045 h 292510"/>
              <a:gd name="connsiteX2" fmla="*/ 153845 w 258256"/>
              <a:gd name="connsiteY2" fmla="*/ 288874 h 292510"/>
              <a:gd name="connsiteX3" fmla="*/ 184994 w 258256"/>
              <a:gd name="connsiteY3" fmla="*/ 1822 h 2925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58256" h="292510">
                <a:moveTo>
                  <a:pt x="184994" y="1822"/>
                </a:moveTo>
                <a:cubicBezTo>
                  <a:pt x="45165" y="-17786"/>
                  <a:pt x="5351" y="126203"/>
                  <a:pt x="159" y="174045"/>
                </a:cubicBezTo>
                <a:cubicBezTo>
                  <a:pt x="-5033" y="221887"/>
                  <a:pt x="118431" y="311650"/>
                  <a:pt x="153845" y="288874"/>
                </a:cubicBezTo>
                <a:cubicBezTo>
                  <a:pt x="266516" y="216412"/>
                  <a:pt x="304199" y="18538"/>
                  <a:pt x="184994" y="1822"/>
                </a:cubicBezTo>
                <a:close/>
              </a:path>
            </a:pathLst>
          </a:custGeom>
          <a:solidFill>
            <a:schemeClr val="accent6">
              <a:lumMod val="40000"/>
              <a:lumOff val="60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3" name="Freeform 42"/>
          <p:cNvSpPr/>
          <p:nvPr/>
        </p:nvSpPr>
        <p:spPr>
          <a:xfrm>
            <a:off x="5868976" y="1556797"/>
            <a:ext cx="3287673" cy="2795123"/>
          </a:xfrm>
          <a:custGeom>
            <a:avLst/>
            <a:gdLst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86947 h 2420547"/>
              <a:gd name="connsiteX1" fmla="*/ 400050 w 2647950"/>
              <a:gd name="connsiteY1" fmla="*/ 96447 h 2420547"/>
              <a:gd name="connsiteX2" fmla="*/ 0 w 2647950"/>
              <a:gd name="connsiteY2" fmla="*/ 1506147 h 2420547"/>
              <a:gd name="connsiteX3" fmla="*/ 1304925 w 2647950"/>
              <a:gd name="connsiteY3" fmla="*/ 2420547 h 2420547"/>
              <a:gd name="connsiteX4" fmla="*/ 2028825 w 2647950"/>
              <a:gd name="connsiteY4" fmla="*/ 1906197 h 2420547"/>
              <a:gd name="connsiteX5" fmla="*/ 2647950 w 2647950"/>
              <a:gd name="connsiteY5" fmla="*/ 1096572 h 2420547"/>
              <a:gd name="connsiteX6" fmla="*/ 1981200 w 2647950"/>
              <a:gd name="connsiteY6" fmla="*/ 325047 h 2420547"/>
              <a:gd name="connsiteX7" fmla="*/ 1304925 w 2647950"/>
              <a:gd name="connsiteY7" fmla="*/ 286947 h 2420547"/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52805 h 2386405"/>
              <a:gd name="connsiteX1" fmla="*/ 400050 w 2647950"/>
              <a:gd name="connsiteY1" fmla="*/ 62305 h 2386405"/>
              <a:gd name="connsiteX2" fmla="*/ 0 w 2647950"/>
              <a:gd name="connsiteY2" fmla="*/ 1472005 h 2386405"/>
              <a:gd name="connsiteX3" fmla="*/ 1304925 w 2647950"/>
              <a:gd name="connsiteY3" fmla="*/ 2386405 h 2386405"/>
              <a:gd name="connsiteX4" fmla="*/ 2028825 w 2647950"/>
              <a:gd name="connsiteY4" fmla="*/ 1872055 h 2386405"/>
              <a:gd name="connsiteX5" fmla="*/ 2647950 w 2647950"/>
              <a:gd name="connsiteY5" fmla="*/ 1062430 h 2386405"/>
              <a:gd name="connsiteX6" fmla="*/ 1981200 w 2647950"/>
              <a:gd name="connsiteY6" fmla="*/ 290905 h 2386405"/>
              <a:gd name="connsiteX7" fmla="*/ 1304925 w 2647950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04925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14450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14450 w 2657590"/>
              <a:gd name="connsiteY0" fmla="*/ 252805 h 2394505"/>
              <a:gd name="connsiteX1" fmla="*/ 409575 w 2657590"/>
              <a:gd name="connsiteY1" fmla="*/ 62305 h 2394505"/>
              <a:gd name="connsiteX2" fmla="*/ 0 w 2657590"/>
              <a:gd name="connsiteY2" fmla="*/ 1472005 h 2394505"/>
              <a:gd name="connsiteX3" fmla="*/ 1323975 w 2657590"/>
              <a:gd name="connsiteY3" fmla="*/ 2386405 h 2394505"/>
              <a:gd name="connsiteX4" fmla="*/ 2038350 w 2657590"/>
              <a:gd name="connsiteY4" fmla="*/ 1872055 h 2394505"/>
              <a:gd name="connsiteX5" fmla="*/ 2657475 w 2657590"/>
              <a:gd name="connsiteY5" fmla="*/ 1062430 h 2394505"/>
              <a:gd name="connsiteX6" fmla="*/ 1990725 w 2657590"/>
              <a:gd name="connsiteY6" fmla="*/ 290905 h 2394505"/>
              <a:gd name="connsiteX7" fmla="*/ 1314450 w 2657590"/>
              <a:gd name="connsiteY7" fmla="*/ 252805 h 2394505"/>
              <a:gd name="connsiteX0" fmla="*/ 1361842 w 2704982"/>
              <a:gd name="connsiteY0" fmla="*/ 252805 h 2394505"/>
              <a:gd name="connsiteX1" fmla="*/ 456967 w 2704982"/>
              <a:gd name="connsiteY1" fmla="*/ 62305 h 2394505"/>
              <a:gd name="connsiteX2" fmla="*/ 47392 w 2704982"/>
              <a:gd name="connsiteY2" fmla="*/ 1472005 h 2394505"/>
              <a:gd name="connsiteX3" fmla="*/ 1371367 w 2704982"/>
              <a:gd name="connsiteY3" fmla="*/ 2386405 h 2394505"/>
              <a:gd name="connsiteX4" fmla="*/ 2085742 w 2704982"/>
              <a:gd name="connsiteY4" fmla="*/ 1872055 h 2394505"/>
              <a:gd name="connsiteX5" fmla="*/ 2704867 w 2704982"/>
              <a:gd name="connsiteY5" fmla="*/ 1062430 h 2394505"/>
              <a:gd name="connsiteX6" fmla="*/ 2038117 w 2704982"/>
              <a:gd name="connsiteY6" fmla="*/ 290905 h 2394505"/>
              <a:gd name="connsiteX7" fmla="*/ 1361842 w 2704982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8480"/>
              <a:gd name="connsiteY0" fmla="*/ 256977 h 2398677"/>
              <a:gd name="connsiteX1" fmla="*/ 424961 w 2678480"/>
              <a:gd name="connsiteY1" fmla="*/ 66477 h 2398677"/>
              <a:gd name="connsiteX2" fmla="*/ 15386 w 2678480"/>
              <a:gd name="connsiteY2" fmla="*/ 1476177 h 2398677"/>
              <a:gd name="connsiteX3" fmla="*/ 1339361 w 2678480"/>
              <a:gd name="connsiteY3" fmla="*/ 2390577 h 2398677"/>
              <a:gd name="connsiteX4" fmla="*/ 2053736 w 2678480"/>
              <a:gd name="connsiteY4" fmla="*/ 1876227 h 2398677"/>
              <a:gd name="connsiteX5" fmla="*/ 2672861 w 2678480"/>
              <a:gd name="connsiteY5" fmla="*/ 1066602 h 2398677"/>
              <a:gd name="connsiteX6" fmla="*/ 1863236 w 2678480"/>
              <a:gd name="connsiteY6" fmla="*/ 504628 h 2398677"/>
              <a:gd name="connsiteX7" fmla="*/ 1329836 w 2678480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267"/>
              <a:gd name="connsiteY0" fmla="*/ 270771 h 2412471"/>
              <a:gd name="connsiteX1" fmla="*/ 424961 w 2674267"/>
              <a:gd name="connsiteY1" fmla="*/ 80271 h 2412471"/>
              <a:gd name="connsiteX2" fmla="*/ 15386 w 2674267"/>
              <a:gd name="connsiteY2" fmla="*/ 1489971 h 2412471"/>
              <a:gd name="connsiteX3" fmla="*/ 1339361 w 2674267"/>
              <a:gd name="connsiteY3" fmla="*/ 2404371 h 2412471"/>
              <a:gd name="connsiteX4" fmla="*/ 2053736 w 2674267"/>
              <a:gd name="connsiteY4" fmla="*/ 1890021 h 2412471"/>
              <a:gd name="connsiteX5" fmla="*/ 2672861 w 2674267"/>
              <a:gd name="connsiteY5" fmla="*/ 1080396 h 2412471"/>
              <a:gd name="connsiteX6" fmla="*/ 1329836 w 2674267"/>
              <a:gd name="connsiteY6" fmla="*/ 270771 h 2412471"/>
              <a:gd name="connsiteX0" fmla="*/ 1331412 w 2675843"/>
              <a:gd name="connsiteY0" fmla="*/ 316695 h 2458395"/>
              <a:gd name="connsiteX1" fmla="*/ 426537 w 2675843"/>
              <a:gd name="connsiteY1" fmla="*/ 126195 h 2458395"/>
              <a:gd name="connsiteX2" fmla="*/ 16962 w 2675843"/>
              <a:gd name="connsiteY2" fmla="*/ 1535895 h 2458395"/>
              <a:gd name="connsiteX3" fmla="*/ 1340937 w 2675843"/>
              <a:gd name="connsiteY3" fmla="*/ 2450295 h 2458395"/>
              <a:gd name="connsiteX4" fmla="*/ 2055312 w 2675843"/>
              <a:gd name="connsiteY4" fmla="*/ 1935945 h 2458395"/>
              <a:gd name="connsiteX5" fmla="*/ 2674437 w 2675843"/>
              <a:gd name="connsiteY5" fmla="*/ 1126320 h 2458395"/>
              <a:gd name="connsiteX6" fmla="*/ 1331412 w 2675843"/>
              <a:gd name="connsiteY6" fmla="*/ 316695 h 2458395"/>
              <a:gd name="connsiteX0" fmla="*/ 1331412 w 2679396"/>
              <a:gd name="connsiteY0" fmla="*/ 316695 h 2456114"/>
              <a:gd name="connsiteX1" fmla="*/ 426537 w 2679396"/>
              <a:gd name="connsiteY1" fmla="*/ 126195 h 2456114"/>
              <a:gd name="connsiteX2" fmla="*/ 16962 w 2679396"/>
              <a:gd name="connsiteY2" fmla="*/ 1535895 h 2456114"/>
              <a:gd name="connsiteX3" fmla="*/ 1340937 w 2679396"/>
              <a:gd name="connsiteY3" fmla="*/ 2450295 h 2456114"/>
              <a:gd name="connsiteX4" fmla="*/ 1769562 w 2679396"/>
              <a:gd name="connsiteY4" fmla="*/ 1888320 h 2456114"/>
              <a:gd name="connsiteX5" fmla="*/ 2674437 w 2679396"/>
              <a:gd name="connsiteY5" fmla="*/ 1126320 h 2456114"/>
              <a:gd name="connsiteX6" fmla="*/ 1331412 w 2679396"/>
              <a:gd name="connsiteY6" fmla="*/ 316695 h 2456114"/>
              <a:gd name="connsiteX0" fmla="*/ 1339284 w 2687268"/>
              <a:gd name="connsiteY0" fmla="*/ 316695 h 2260648"/>
              <a:gd name="connsiteX1" fmla="*/ 434409 w 2687268"/>
              <a:gd name="connsiteY1" fmla="*/ 126195 h 2260648"/>
              <a:gd name="connsiteX2" fmla="*/ 24834 w 2687268"/>
              <a:gd name="connsiteY2" fmla="*/ 1535895 h 2260648"/>
              <a:gd name="connsiteX3" fmla="*/ 1082109 w 2687268"/>
              <a:gd name="connsiteY3" fmla="*/ 2250270 h 2260648"/>
              <a:gd name="connsiteX4" fmla="*/ 1777434 w 2687268"/>
              <a:gd name="connsiteY4" fmla="*/ 1888320 h 2260648"/>
              <a:gd name="connsiteX5" fmla="*/ 2682309 w 2687268"/>
              <a:gd name="connsiteY5" fmla="*/ 1126320 h 2260648"/>
              <a:gd name="connsiteX6" fmla="*/ 1339284 w 2687268"/>
              <a:gd name="connsiteY6" fmla="*/ 316695 h 2260648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9301"/>
              <a:gd name="connsiteY0" fmla="*/ 316695 h 2255096"/>
              <a:gd name="connsiteX1" fmla="*/ 434409 w 2689301"/>
              <a:gd name="connsiteY1" fmla="*/ 126195 h 2255096"/>
              <a:gd name="connsiteX2" fmla="*/ 24834 w 2689301"/>
              <a:gd name="connsiteY2" fmla="*/ 1535895 h 2255096"/>
              <a:gd name="connsiteX3" fmla="*/ 1082109 w 2689301"/>
              <a:gd name="connsiteY3" fmla="*/ 2250270 h 2255096"/>
              <a:gd name="connsiteX4" fmla="*/ 1844109 w 2689301"/>
              <a:gd name="connsiteY4" fmla="*/ 1802595 h 2255096"/>
              <a:gd name="connsiteX5" fmla="*/ 2682309 w 2689301"/>
              <a:gd name="connsiteY5" fmla="*/ 1126320 h 2255096"/>
              <a:gd name="connsiteX6" fmla="*/ 1339284 w 2689301"/>
              <a:gd name="connsiteY6" fmla="*/ 316695 h 2255096"/>
              <a:gd name="connsiteX0" fmla="*/ 1339284 w 2454328"/>
              <a:gd name="connsiteY0" fmla="*/ 312132 h 2250533"/>
              <a:gd name="connsiteX1" fmla="*/ 434409 w 2454328"/>
              <a:gd name="connsiteY1" fmla="*/ 121632 h 2250533"/>
              <a:gd name="connsiteX2" fmla="*/ 24834 w 2454328"/>
              <a:gd name="connsiteY2" fmla="*/ 1531332 h 2250533"/>
              <a:gd name="connsiteX3" fmla="*/ 1082109 w 2454328"/>
              <a:gd name="connsiteY3" fmla="*/ 2245707 h 2250533"/>
              <a:gd name="connsiteX4" fmla="*/ 1844109 w 2454328"/>
              <a:gd name="connsiteY4" fmla="*/ 1798032 h 2250533"/>
              <a:gd name="connsiteX5" fmla="*/ 2444184 w 2454328"/>
              <a:gd name="connsiteY5" fmla="*/ 969357 h 2250533"/>
              <a:gd name="connsiteX6" fmla="*/ 1339284 w 2454328"/>
              <a:gd name="connsiteY6" fmla="*/ 312132 h 2250533"/>
              <a:gd name="connsiteX0" fmla="*/ 1339284 w 2444186"/>
              <a:gd name="connsiteY0" fmla="*/ 312132 h 2250533"/>
              <a:gd name="connsiteX1" fmla="*/ 434409 w 2444186"/>
              <a:gd name="connsiteY1" fmla="*/ 121632 h 2250533"/>
              <a:gd name="connsiteX2" fmla="*/ 24834 w 2444186"/>
              <a:gd name="connsiteY2" fmla="*/ 1531332 h 2250533"/>
              <a:gd name="connsiteX3" fmla="*/ 1082109 w 2444186"/>
              <a:gd name="connsiteY3" fmla="*/ 2245707 h 2250533"/>
              <a:gd name="connsiteX4" fmla="*/ 1844109 w 2444186"/>
              <a:gd name="connsiteY4" fmla="*/ 1798032 h 2250533"/>
              <a:gd name="connsiteX5" fmla="*/ 2444184 w 2444186"/>
              <a:gd name="connsiteY5" fmla="*/ 969357 h 2250533"/>
              <a:gd name="connsiteX6" fmla="*/ 1339284 w 2444186"/>
              <a:gd name="connsiteY6" fmla="*/ 312132 h 2250533"/>
              <a:gd name="connsiteX0" fmla="*/ 1339284 w 2434661"/>
              <a:gd name="connsiteY0" fmla="*/ 316110 h 2254511"/>
              <a:gd name="connsiteX1" fmla="*/ 434409 w 2434661"/>
              <a:gd name="connsiteY1" fmla="*/ 125610 h 2254511"/>
              <a:gd name="connsiteX2" fmla="*/ 24834 w 2434661"/>
              <a:gd name="connsiteY2" fmla="*/ 1535310 h 2254511"/>
              <a:gd name="connsiteX3" fmla="*/ 1082109 w 2434661"/>
              <a:gd name="connsiteY3" fmla="*/ 2249685 h 2254511"/>
              <a:gd name="connsiteX4" fmla="*/ 1844109 w 2434661"/>
              <a:gd name="connsiteY4" fmla="*/ 1802010 h 2254511"/>
              <a:gd name="connsiteX5" fmla="*/ 2434659 w 2434661"/>
              <a:gd name="connsiteY5" fmla="*/ 1106685 h 2254511"/>
              <a:gd name="connsiteX6" fmla="*/ 1339284 w 2434661"/>
              <a:gd name="connsiteY6" fmla="*/ 316110 h 2254511"/>
              <a:gd name="connsiteX0" fmla="*/ 2021470 w 2444782"/>
              <a:gd name="connsiteY0" fmla="*/ 481993 h 2163219"/>
              <a:gd name="connsiteX1" fmla="*/ 440320 w 2444782"/>
              <a:gd name="connsiteY1" fmla="*/ 34318 h 2163219"/>
              <a:gd name="connsiteX2" fmla="*/ 30745 w 2444782"/>
              <a:gd name="connsiteY2" fmla="*/ 1444018 h 2163219"/>
              <a:gd name="connsiteX3" fmla="*/ 1088020 w 2444782"/>
              <a:gd name="connsiteY3" fmla="*/ 2158393 h 2163219"/>
              <a:gd name="connsiteX4" fmla="*/ 1850020 w 2444782"/>
              <a:gd name="connsiteY4" fmla="*/ 1710718 h 2163219"/>
              <a:gd name="connsiteX5" fmla="*/ 2440570 w 2444782"/>
              <a:gd name="connsiteY5" fmla="*/ 1015393 h 2163219"/>
              <a:gd name="connsiteX6" fmla="*/ 2021470 w 2444782"/>
              <a:gd name="connsiteY6" fmla="*/ 481993 h 2163219"/>
              <a:gd name="connsiteX0" fmla="*/ 2021470 w 2851423"/>
              <a:gd name="connsiteY0" fmla="*/ 483099 h 2164325"/>
              <a:gd name="connsiteX1" fmla="*/ 440320 w 2851423"/>
              <a:gd name="connsiteY1" fmla="*/ 35424 h 2164325"/>
              <a:gd name="connsiteX2" fmla="*/ 30745 w 2851423"/>
              <a:gd name="connsiteY2" fmla="*/ 1445124 h 2164325"/>
              <a:gd name="connsiteX3" fmla="*/ 1088020 w 2851423"/>
              <a:gd name="connsiteY3" fmla="*/ 2159499 h 2164325"/>
              <a:gd name="connsiteX4" fmla="*/ 1850020 w 2851423"/>
              <a:gd name="connsiteY4" fmla="*/ 1711824 h 2164325"/>
              <a:gd name="connsiteX5" fmla="*/ 2850145 w 2851423"/>
              <a:gd name="connsiteY5" fmla="*/ 1130799 h 2164325"/>
              <a:gd name="connsiteX6" fmla="*/ 2021470 w 2851423"/>
              <a:gd name="connsiteY6" fmla="*/ 483099 h 2164325"/>
              <a:gd name="connsiteX0" fmla="*/ 2021470 w 2851423"/>
              <a:gd name="connsiteY0" fmla="*/ 483099 h 2377192"/>
              <a:gd name="connsiteX1" fmla="*/ 440320 w 2851423"/>
              <a:gd name="connsiteY1" fmla="*/ 35424 h 2377192"/>
              <a:gd name="connsiteX2" fmla="*/ 30745 w 2851423"/>
              <a:gd name="connsiteY2" fmla="*/ 1445124 h 2377192"/>
              <a:gd name="connsiteX3" fmla="*/ 1088020 w 2851423"/>
              <a:gd name="connsiteY3" fmla="*/ 2159499 h 2377192"/>
              <a:gd name="connsiteX4" fmla="*/ 1886477 w 2851423"/>
              <a:gd name="connsiteY4" fmla="*/ 2354167 h 2377192"/>
              <a:gd name="connsiteX5" fmla="*/ 1850020 w 2851423"/>
              <a:gd name="connsiteY5" fmla="*/ 1711824 h 2377192"/>
              <a:gd name="connsiteX6" fmla="*/ 2850145 w 2851423"/>
              <a:gd name="connsiteY6" fmla="*/ 1130799 h 2377192"/>
              <a:gd name="connsiteX7" fmla="*/ 2021470 w 2851423"/>
              <a:gd name="connsiteY7" fmla="*/ 483099 h 2377192"/>
              <a:gd name="connsiteX0" fmla="*/ 2021470 w 2854723"/>
              <a:gd name="connsiteY0" fmla="*/ 483099 h 2377192"/>
              <a:gd name="connsiteX1" fmla="*/ 440320 w 2854723"/>
              <a:gd name="connsiteY1" fmla="*/ 35424 h 2377192"/>
              <a:gd name="connsiteX2" fmla="*/ 30745 w 2854723"/>
              <a:gd name="connsiteY2" fmla="*/ 1445124 h 2377192"/>
              <a:gd name="connsiteX3" fmla="*/ 1088020 w 2854723"/>
              <a:gd name="connsiteY3" fmla="*/ 2159499 h 2377192"/>
              <a:gd name="connsiteX4" fmla="*/ 1886477 w 2854723"/>
              <a:gd name="connsiteY4" fmla="*/ 2354167 h 2377192"/>
              <a:gd name="connsiteX5" fmla="*/ 2316745 w 2854723"/>
              <a:gd name="connsiteY5" fmla="*/ 1949949 h 2377192"/>
              <a:gd name="connsiteX6" fmla="*/ 2850145 w 2854723"/>
              <a:gd name="connsiteY6" fmla="*/ 1130799 h 2377192"/>
              <a:gd name="connsiteX7" fmla="*/ 2021470 w 2854723"/>
              <a:gd name="connsiteY7" fmla="*/ 483099 h 2377192"/>
              <a:gd name="connsiteX0" fmla="*/ 2021470 w 2854723"/>
              <a:gd name="connsiteY0" fmla="*/ 483099 h 2377192"/>
              <a:gd name="connsiteX1" fmla="*/ 440320 w 2854723"/>
              <a:gd name="connsiteY1" fmla="*/ 35424 h 2377192"/>
              <a:gd name="connsiteX2" fmla="*/ 30745 w 2854723"/>
              <a:gd name="connsiteY2" fmla="*/ 1445124 h 2377192"/>
              <a:gd name="connsiteX3" fmla="*/ 1088020 w 2854723"/>
              <a:gd name="connsiteY3" fmla="*/ 2159499 h 2377192"/>
              <a:gd name="connsiteX4" fmla="*/ 1886477 w 2854723"/>
              <a:gd name="connsiteY4" fmla="*/ 2354167 h 2377192"/>
              <a:gd name="connsiteX5" fmla="*/ 2316745 w 2854723"/>
              <a:gd name="connsiteY5" fmla="*/ 1949949 h 2377192"/>
              <a:gd name="connsiteX6" fmla="*/ 2850145 w 2854723"/>
              <a:gd name="connsiteY6" fmla="*/ 1130799 h 2377192"/>
              <a:gd name="connsiteX7" fmla="*/ 2021470 w 2854723"/>
              <a:gd name="connsiteY7" fmla="*/ 483099 h 2377192"/>
              <a:gd name="connsiteX0" fmla="*/ 2021470 w 2850956"/>
              <a:gd name="connsiteY0" fmla="*/ 483099 h 2417502"/>
              <a:gd name="connsiteX1" fmla="*/ 440320 w 2850956"/>
              <a:gd name="connsiteY1" fmla="*/ 35424 h 2417502"/>
              <a:gd name="connsiteX2" fmla="*/ 30745 w 2850956"/>
              <a:gd name="connsiteY2" fmla="*/ 1445124 h 2417502"/>
              <a:gd name="connsiteX3" fmla="*/ 1088020 w 2850956"/>
              <a:gd name="connsiteY3" fmla="*/ 2159499 h 2417502"/>
              <a:gd name="connsiteX4" fmla="*/ 1886477 w 2850956"/>
              <a:gd name="connsiteY4" fmla="*/ 2354167 h 2417502"/>
              <a:gd name="connsiteX5" fmla="*/ 2850145 w 2850956"/>
              <a:gd name="connsiteY5" fmla="*/ 1130799 h 2417502"/>
              <a:gd name="connsiteX6" fmla="*/ 2021470 w 2850956"/>
              <a:gd name="connsiteY6" fmla="*/ 483099 h 2417502"/>
              <a:gd name="connsiteX0" fmla="*/ 1961328 w 2790814"/>
              <a:gd name="connsiteY0" fmla="*/ 501765 h 2428739"/>
              <a:gd name="connsiteX1" fmla="*/ 380178 w 2790814"/>
              <a:gd name="connsiteY1" fmla="*/ 54090 h 2428739"/>
              <a:gd name="connsiteX2" fmla="*/ 37278 w 2790814"/>
              <a:gd name="connsiteY2" fmla="*/ 1787640 h 2428739"/>
              <a:gd name="connsiteX3" fmla="*/ 1027878 w 2790814"/>
              <a:gd name="connsiteY3" fmla="*/ 2178165 h 2428739"/>
              <a:gd name="connsiteX4" fmla="*/ 1826335 w 2790814"/>
              <a:gd name="connsiteY4" fmla="*/ 2372833 h 2428739"/>
              <a:gd name="connsiteX5" fmla="*/ 2790003 w 2790814"/>
              <a:gd name="connsiteY5" fmla="*/ 1149465 h 2428739"/>
              <a:gd name="connsiteX6" fmla="*/ 1961328 w 2790814"/>
              <a:gd name="connsiteY6" fmla="*/ 501765 h 2428739"/>
              <a:gd name="connsiteX0" fmla="*/ 1931534 w 2760950"/>
              <a:gd name="connsiteY0" fmla="*/ 864872 h 2791846"/>
              <a:gd name="connsiteX1" fmla="*/ 617084 w 2760950"/>
              <a:gd name="connsiteY1" fmla="*/ 36197 h 2791846"/>
              <a:gd name="connsiteX2" fmla="*/ 7484 w 2760950"/>
              <a:gd name="connsiteY2" fmla="*/ 2150747 h 2791846"/>
              <a:gd name="connsiteX3" fmla="*/ 998084 w 2760950"/>
              <a:gd name="connsiteY3" fmla="*/ 2541272 h 2791846"/>
              <a:gd name="connsiteX4" fmla="*/ 1796541 w 2760950"/>
              <a:gd name="connsiteY4" fmla="*/ 2735940 h 2791846"/>
              <a:gd name="connsiteX5" fmla="*/ 2760209 w 2760950"/>
              <a:gd name="connsiteY5" fmla="*/ 1512572 h 2791846"/>
              <a:gd name="connsiteX6" fmla="*/ 1931534 w 2760950"/>
              <a:gd name="connsiteY6" fmla="*/ 864872 h 2791846"/>
              <a:gd name="connsiteX0" fmla="*/ 1967480 w 2796896"/>
              <a:gd name="connsiteY0" fmla="*/ 873717 h 2800691"/>
              <a:gd name="connsiteX1" fmla="*/ 653030 w 2796896"/>
              <a:gd name="connsiteY1" fmla="*/ 45042 h 2800691"/>
              <a:gd name="connsiteX2" fmla="*/ 43430 w 2796896"/>
              <a:gd name="connsiteY2" fmla="*/ 2159592 h 2800691"/>
              <a:gd name="connsiteX3" fmla="*/ 1034030 w 2796896"/>
              <a:gd name="connsiteY3" fmla="*/ 2550117 h 2800691"/>
              <a:gd name="connsiteX4" fmla="*/ 1832487 w 2796896"/>
              <a:gd name="connsiteY4" fmla="*/ 2744785 h 2800691"/>
              <a:gd name="connsiteX5" fmla="*/ 2796155 w 2796896"/>
              <a:gd name="connsiteY5" fmla="*/ 1521417 h 2800691"/>
              <a:gd name="connsiteX6" fmla="*/ 1967480 w 2796896"/>
              <a:gd name="connsiteY6" fmla="*/ 873717 h 2800691"/>
              <a:gd name="connsiteX0" fmla="*/ 2021372 w 2850788"/>
              <a:gd name="connsiteY0" fmla="*/ 876502 h 2803476"/>
              <a:gd name="connsiteX1" fmla="*/ 706922 w 2850788"/>
              <a:gd name="connsiteY1" fmla="*/ 47827 h 2803476"/>
              <a:gd name="connsiteX2" fmla="*/ 97322 w 2850788"/>
              <a:gd name="connsiteY2" fmla="*/ 2162377 h 2803476"/>
              <a:gd name="connsiteX3" fmla="*/ 1087922 w 2850788"/>
              <a:gd name="connsiteY3" fmla="*/ 2552902 h 2803476"/>
              <a:gd name="connsiteX4" fmla="*/ 1886379 w 2850788"/>
              <a:gd name="connsiteY4" fmla="*/ 2747570 h 2803476"/>
              <a:gd name="connsiteX5" fmla="*/ 2850047 w 2850788"/>
              <a:gd name="connsiteY5" fmla="*/ 1524202 h 2803476"/>
              <a:gd name="connsiteX6" fmla="*/ 2021372 w 2850788"/>
              <a:gd name="connsiteY6" fmla="*/ 876502 h 2803476"/>
              <a:gd name="connsiteX0" fmla="*/ 2027861 w 2857277"/>
              <a:gd name="connsiteY0" fmla="*/ 831042 h 2758016"/>
              <a:gd name="connsiteX1" fmla="*/ 713411 w 2857277"/>
              <a:gd name="connsiteY1" fmla="*/ 2367 h 2758016"/>
              <a:gd name="connsiteX2" fmla="*/ 103811 w 2857277"/>
              <a:gd name="connsiteY2" fmla="*/ 2116917 h 2758016"/>
              <a:gd name="connsiteX3" fmla="*/ 1094411 w 2857277"/>
              <a:gd name="connsiteY3" fmla="*/ 2507442 h 2758016"/>
              <a:gd name="connsiteX4" fmla="*/ 1892868 w 2857277"/>
              <a:gd name="connsiteY4" fmla="*/ 2702110 h 2758016"/>
              <a:gd name="connsiteX5" fmla="*/ 2856536 w 2857277"/>
              <a:gd name="connsiteY5" fmla="*/ 1478742 h 2758016"/>
              <a:gd name="connsiteX6" fmla="*/ 2027861 w 2857277"/>
              <a:gd name="connsiteY6" fmla="*/ 831042 h 2758016"/>
              <a:gd name="connsiteX0" fmla="*/ 1797812 w 2759837"/>
              <a:gd name="connsiteY0" fmla="*/ 710396 h 2808820"/>
              <a:gd name="connsiteX1" fmla="*/ 616712 w 2759837"/>
              <a:gd name="connsiteY1" fmla="*/ 53171 h 2808820"/>
              <a:gd name="connsiteX2" fmla="*/ 7112 w 2759837"/>
              <a:gd name="connsiteY2" fmla="*/ 2167721 h 2808820"/>
              <a:gd name="connsiteX3" fmla="*/ 997712 w 2759837"/>
              <a:gd name="connsiteY3" fmla="*/ 2558246 h 2808820"/>
              <a:gd name="connsiteX4" fmla="*/ 1796169 w 2759837"/>
              <a:gd name="connsiteY4" fmla="*/ 2752914 h 2808820"/>
              <a:gd name="connsiteX5" fmla="*/ 2759837 w 2759837"/>
              <a:gd name="connsiteY5" fmla="*/ 1529546 h 2808820"/>
              <a:gd name="connsiteX6" fmla="*/ 1797812 w 2759837"/>
              <a:gd name="connsiteY6" fmla="*/ 710396 h 2808820"/>
              <a:gd name="connsiteX0" fmla="*/ 1799231 w 2761256"/>
              <a:gd name="connsiteY0" fmla="*/ 684278 h 2782702"/>
              <a:gd name="connsiteX1" fmla="*/ 618131 w 2761256"/>
              <a:gd name="connsiteY1" fmla="*/ 27053 h 2782702"/>
              <a:gd name="connsiteX2" fmla="*/ 8531 w 2761256"/>
              <a:gd name="connsiteY2" fmla="*/ 2141603 h 2782702"/>
              <a:gd name="connsiteX3" fmla="*/ 999131 w 2761256"/>
              <a:gd name="connsiteY3" fmla="*/ 2532128 h 2782702"/>
              <a:gd name="connsiteX4" fmla="*/ 1797588 w 2761256"/>
              <a:gd name="connsiteY4" fmla="*/ 2726796 h 2782702"/>
              <a:gd name="connsiteX5" fmla="*/ 2761256 w 2761256"/>
              <a:gd name="connsiteY5" fmla="*/ 1503428 h 2782702"/>
              <a:gd name="connsiteX6" fmla="*/ 1799231 w 2761256"/>
              <a:gd name="connsiteY6" fmla="*/ 684278 h 2782702"/>
              <a:gd name="connsiteX0" fmla="*/ 1799231 w 2827931"/>
              <a:gd name="connsiteY0" fmla="*/ 683986 h 2782410"/>
              <a:gd name="connsiteX1" fmla="*/ 618131 w 2827931"/>
              <a:gd name="connsiteY1" fmla="*/ 26761 h 2782410"/>
              <a:gd name="connsiteX2" fmla="*/ 8531 w 2827931"/>
              <a:gd name="connsiteY2" fmla="*/ 2141311 h 2782410"/>
              <a:gd name="connsiteX3" fmla="*/ 999131 w 2827931"/>
              <a:gd name="connsiteY3" fmla="*/ 2531836 h 2782410"/>
              <a:gd name="connsiteX4" fmla="*/ 1797588 w 2827931"/>
              <a:gd name="connsiteY4" fmla="*/ 2726504 h 2782410"/>
              <a:gd name="connsiteX5" fmla="*/ 2827931 w 2827931"/>
              <a:gd name="connsiteY5" fmla="*/ 1455511 h 2782410"/>
              <a:gd name="connsiteX6" fmla="*/ 1799231 w 2827931"/>
              <a:gd name="connsiteY6" fmla="*/ 683986 h 2782410"/>
              <a:gd name="connsiteX0" fmla="*/ 1799231 w 2828226"/>
              <a:gd name="connsiteY0" fmla="*/ 683986 h 2782410"/>
              <a:gd name="connsiteX1" fmla="*/ 618131 w 2828226"/>
              <a:gd name="connsiteY1" fmla="*/ 26761 h 2782410"/>
              <a:gd name="connsiteX2" fmla="*/ 8531 w 2828226"/>
              <a:gd name="connsiteY2" fmla="*/ 2141311 h 2782410"/>
              <a:gd name="connsiteX3" fmla="*/ 999131 w 2828226"/>
              <a:gd name="connsiteY3" fmla="*/ 2531836 h 2782410"/>
              <a:gd name="connsiteX4" fmla="*/ 1797588 w 2828226"/>
              <a:gd name="connsiteY4" fmla="*/ 2726504 h 2782410"/>
              <a:gd name="connsiteX5" fmla="*/ 2827931 w 2828226"/>
              <a:gd name="connsiteY5" fmla="*/ 1455511 h 2782410"/>
              <a:gd name="connsiteX6" fmla="*/ 1799231 w 2828226"/>
              <a:gd name="connsiteY6" fmla="*/ 683986 h 2782410"/>
              <a:gd name="connsiteX0" fmla="*/ 1799231 w 2835240"/>
              <a:gd name="connsiteY0" fmla="*/ 683986 h 2782410"/>
              <a:gd name="connsiteX1" fmla="*/ 618131 w 2835240"/>
              <a:gd name="connsiteY1" fmla="*/ 26761 h 2782410"/>
              <a:gd name="connsiteX2" fmla="*/ 8531 w 2835240"/>
              <a:gd name="connsiteY2" fmla="*/ 2141311 h 2782410"/>
              <a:gd name="connsiteX3" fmla="*/ 999131 w 2835240"/>
              <a:gd name="connsiteY3" fmla="*/ 2531836 h 2782410"/>
              <a:gd name="connsiteX4" fmla="*/ 1797588 w 2835240"/>
              <a:gd name="connsiteY4" fmla="*/ 2726504 h 2782410"/>
              <a:gd name="connsiteX5" fmla="*/ 2827931 w 2835240"/>
              <a:gd name="connsiteY5" fmla="*/ 1455511 h 2782410"/>
              <a:gd name="connsiteX6" fmla="*/ 1799231 w 2835240"/>
              <a:gd name="connsiteY6" fmla="*/ 683986 h 2782410"/>
              <a:gd name="connsiteX0" fmla="*/ 2251664 w 3287673"/>
              <a:gd name="connsiteY0" fmla="*/ 684421 h 2795123"/>
              <a:gd name="connsiteX1" fmla="*/ 1070564 w 3287673"/>
              <a:gd name="connsiteY1" fmla="*/ 27196 h 2795123"/>
              <a:gd name="connsiteX2" fmla="*/ 3764 w 3287673"/>
              <a:gd name="connsiteY2" fmla="*/ 1636921 h 2795123"/>
              <a:gd name="connsiteX3" fmla="*/ 1451564 w 3287673"/>
              <a:gd name="connsiteY3" fmla="*/ 2532271 h 2795123"/>
              <a:gd name="connsiteX4" fmla="*/ 2250021 w 3287673"/>
              <a:gd name="connsiteY4" fmla="*/ 2726939 h 2795123"/>
              <a:gd name="connsiteX5" fmla="*/ 3280364 w 3287673"/>
              <a:gd name="connsiteY5" fmla="*/ 1455946 h 2795123"/>
              <a:gd name="connsiteX6" fmla="*/ 2251664 w 3287673"/>
              <a:gd name="connsiteY6" fmla="*/ 684421 h 279512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287673" h="2795123">
                <a:moveTo>
                  <a:pt x="2251664" y="684421"/>
                </a:moveTo>
                <a:cubicBezTo>
                  <a:pt x="1883364" y="446296"/>
                  <a:pt x="1445214" y="-131554"/>
                  <a:pt x="1070564" y="27196"/>
                </a:cubicBezTo>
                <a:cubicBezTo>
                  <a:pt x="695914" y="185946"/>
                  <a:pt x="-59736" y="1219409"/>
                  <a:pt x="3764" y="1636921"/>
                </a:cubicBezTo>
                <a:cubicBezTo>
                  <a:pt x="67264" y="2054433"/>
                  <a:pt x="1077188" y="2350601"/>
                  <a:pt x="1451564" y="2532271"/>
                </a:cubicBezTo>
                <a:cubicBezTo>
                  <a:pt x="1825940" y="2713941"/>
                  <a:pt x="1956334" y="2898389"/>
                  <a:pt x="2250021" y="2726939"/>
                </a:cubicBezTo>
                <a:cubicBezTo>
                  <a:pt x="2543708" y="2555489"/>
                  <a:pt x="3373931" y="2148348"/>
                  <a:pt x="3280364" y="1455946"/>
                </a:cubicBezTo>
                <a:cubicBezTo>
                  <a:pt x="3181073" y="721189"/>
                  <a:pt x="2619964" y="922546"/>
                  <a:pt x="2251664" y="684421"/>
                </a:cubicBezTo>
                <a:close/>
              </a:path>
            </a:pathLst>
          </a:custGeom>
          <a:solidFill>
            <a:schemeClr val="accent1">
              <a:lumMod val="40000"/>
              <a:lumOff val="60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2" name="Freeform 41"/>
          <p:cNvSpPr/>
          <p:nvPr/>
        </p:nvSpPr>
        <p:spPr>
          <a:xfrm>
            <a:off x="3150688" y="1576851"/>
            <a:ext cx="2434661" cy="2254511"/>
          </a:xfrm>
          <a:custGeom>
            <a:avLst/>
            <a:gdLst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86947 h 2420547"/>
              <a:gd name="connsiteX1" fmla="*/ 400050 w 2647950"/>
              <a:gd name="connsiteY1" fmla="*/ 96447 h 2420547"/>
              <a:gd name="connsiteX2" fmla="*/ 0 w 2647950"/>
              <a:gd name="connsiteY2" fmla="*/ 1506147 h 2420547"/>
              <a:gd name="connsiteX3" fmla="*/ 1304925 w 2647950"/>
              <a:gd name="connsiteY3" fmla="*/ 2420547 h 2420547"/>
              <a:gd name="connsiteX4" fmla="*/ 2028825 w 2647950"/>
              <a:gd name="connsiteY4" fmla="*/ 1906197 h 2420547"/>
              <a:gd name="connsiteX5" fmla="*/ 2647950 w 2647950"/>
              <a:gd name="connsiteY5" fmla="*/ 1096572 h 2420547"/>
              <a:gd name="connsiteX6" fmla="*/ 1981200 w 2647950"/>
              <a:gd name="connsiteY6" fmla="*/ 325047 h 2420547"/>
              <a:gd name="connsiteX7" fmla="*/ 1304925 w 2647950"/>
              <a:gd name="connsiteY7" fmla="*/ 286947 h 2420547"/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52805 h 2386405"/>
              <a:gd name="connsiteX1" fmla="*/ 400050 w 2647950"/>
              <a:gd name="connsiteY1" fmla="*/ 62305 h 2386405"/>
              <a:gd name="connsiteX2" fmla="*/ 0 w 2647950"/>
              <a:gd name="connsiteY2" fmla="*/ 1472005 h 2386405"/>
              <a:gd name="connsiteX3" fmla="*/ 1304925 w 2647950"/>
              <a:gd name="connsiteY3" fmla="*/ 2386405 h 2386405"/>
              <a:gd name="connsiteX4" fmla="*/ 2028825 w 2647950"/>
              <a:gd name="connsiteY4" fmla="*/ 1872055 h 2386405"/>
              <a:gd name="connsiteX5" fmla="*/ 2647950 w 2647950"/>
              <a:gd name="connsiteY5" fmla="*/ 1062430 h 2386405"/>
              <a:gd name="connsiteX6" fmla="*/ 1981200 w 2647950"/>
              <a:gd name="connsiteY6" fmla="*/ 290905 h 2386405"/>
              <a:gd name="connsiteX7" fmla="*/ 1304925 w 2647950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04925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14450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14450 w 2657590"/>
              <a:gd name="connsiteY0" fmla="*/ 252805 h 2394505"/>
              <a:gd name="connsiteX1" fmla="*/ 409575 w 2657590"/>
              <a:gd name="connsiteY1" fmla="*/ 62305 h 2394505"/>
              <a:gd name="connsiteX2" fmla="*/ 0 w 2657590"/>
              <a:gd name="connsiteY2" fmla="*/ 1472005 h 2394505"/>
              <a:gd name="connsiteX3" fmla="*/ 1323975 w 2657590"/>
              <a:gd name="connsiteY3" fmla="*/ 2386405 h 2394505"/>
              <a:gd name="connsiteX4" fmla="*/ 2038350 w 2657590"/>
              <a:gd name="connsiteY4" fmla="*/ 1872055 h 2394505"/>
              <a:gd name="connsiteX5" fmla="*/ 2657475 w 2657590"/>
              <a:gd name="connsiteY5" fmla="*/ 1062430 h 2394505"/>
              <a:gd name="connsiteX6" fmla="*/ 1990725 w 2657590"/>
              <a:gd name="connsiteY6" fmla="*/ 290905 h 2394505"/>
              <a:gd name="connsiteX7" fmla="*/ 1314450 w 2657590"/>
              <a:gd name="connsiteY7" fmla="*/ 252805 h 2394505"/>
              <a:gd name="connsiteX0" fmla="*/ 1361842 w 2704982"/>
              <a:gd name="connsiteY0" fmla="*/ 252805 h 2394505"/>
              <a:gd name="connsiteX1" fmla="*/ 456967 w 2704982"/>
              <a:gd name="connsiteY1" fmla="*/ 62305 h 2394505"/>
              <a:gd name="connsiteX2" fmla="*/ 47392 w 2704982"/>
              <a:gd name="connsiteY2" fmla="*/ 1472005 h 2394505"/>
              <a:gd name="connsiteX3" fmla="*/ 1371367 w 2704982"/>
              <a:gd name="connsiteY3" fmla="*/ 2386405 h 2394505"/>
              <a:gd name="connsiteX4" fmla="*/ 2085742 w 2704982"/>
              <a:gd name="connsiteY4" fmla="*/ 1872055 h 2394505"/>
              <a:gd name="connsiteX5" fmla="*/ 2704867 w 2704982"/>
              <a:gd name="connsiteY5" fmla="*/ 1062430 h 2394505"/>
              <a:gd name="connsiteX6" fmla="*/ 2038117 w 2704982"/>
              <a:gd name="connsiteY6" fmla="*/ 290905 h 2394505"/>
              <a:gd name="connsiteX7" fmla="*/ 1361842 w 2704982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8480"/>
              <a:gd name="connsiteY0" fmla="*/ 256977 h 2398677"/>
              <a:gd name="connsiteX1" fmla="*/ 424961 w 2678480"/>
              <a:gd name="connsiteY1" fmla="*/ 66477 h 2398677"/>
              <a:gd name="connsiteX2" fmla="*/ 15386 w 2678480"/>
              <a:gd name="connsiteY2" fmla="*/ 1476177 h 2398677"/>
              <a:gd name="connsiteX3" fmla="*/ 1339361 w 2678480"/>
              <a:gd name="connsiteY3" fmla="*/ 2390577 h 2398677"/>
              <a:gd name="connsiteX4" fmla="*/ 2053736 w 2678480"/>
              <a:gd name="connsiteY4" fmla="*/ 1876227 h 2398677"/>
              <a:gd name="connsiteX5" fmla="*/ 2672861 w 2678480"/>
              <a:gd name="connsiteY5" fmla="*/ 1066602 h 2398677"/>
              <a:gd name="connsiteX6" fmla="*/ 1863236 w 2678480"/>
              <a:gd name="connsiteY6" fmla="*/ 504628 h 2398677"/>
              <a:gd name="connsiteX7" fmla="*/ 1329836 w 2678480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267"/>
              <a:gd name="connsiteY0" fmla="*/ 270771 h 2412471"/>
              <a:gd name="connsiteX1" fmla="*/ 424961 w 2674267"/>
              <a:gd name="connsiteY1" fmla="*/ 80271 h 2412471"/>
              <a:gd name="connsiteX2" fmla="*/ 15386 w 2674267"/>
              <a:gd name="connsiteY2" fmla="*/ 1489971 h 2412471"/>
              <a:gd name="connsiteX3" fmla="*/ 1339361 w 2674267"/>
              <a:gd name="connsiteY3" fmla="*/ 2404371 h 2412471"/>
              <a:gd name="connsiteX4" fmla="*/ 2053736 w 2674267"/>
              <a:gd name="connsiteY4" fmla="*/ 1890021 h 2412471"/>
              <a:gd name="connsiteX5" fmla="*/ 2672861 w 2674267"/>
              <a:gd name="connsiteY5" fmla="*/ 1080396 h 2412471"/>
              <a:gd name="connsiteX6" fmla="*/ 1329836 w 2674267"/>
              <a:gd name="connsiteY6" fmla="*/ 270771 h 2412471"/>
              <a:gd name="connsiteX0" fmla="*/ 1331412 w 2675843"/>
              <a:gd name="connsiteY0" fmla="*/ 316695 h 2458395"/>
              <a:gd name="connsiteX1" fmla="*/ 426537 w 2675843"/>
              <a:gd name="connsiteY1" fmla="*/ 126195 h 2458395"/>
              <a:gd name="connsiteX2" fmla="*/ 16962 w 2675843"/>
              <a:gd name="connsiteY2" fmla="*/ 1535895 h 2458395"/>
              <a:gd name="connsiteX3" fmla="*/ 1340937 w 2675843"/>
              <a:gd name="connsiteY3" fmla="*/ 2450295 h 2458395"/>
              <a:gd name="connsiteX4" fmla="*/ 2055312 w 2675843"/>
              <a:gd name="connsiteY4" fmla="*/ 1935945 h 2458395"/>
              <a:gd name="connsiteX5" fmla="*/ 2674437 w 2675843"/>
              <a:gd name="connsiteY5" fmla="*/ 1126320 h 2458395"/>
              <a:gd name="connsiteX6" fmla="*/ 1331412 w 2675843"/>
              <a:gd name="connsiteY6" fmla="*/ 316695 h 2458395"/>
              <a:gd name="connsiteX0" fmla="*/ 1331412 w 2679396"/>
              <a:gd name="connsiteY0" fmla="*/ 316695 h 2456114"/>
              <a:gd name="connsiteX1" fmla="*/ 426537 w 2679396"/>
              <a:gd name="connsiteY1" fmla="*/ 126195 h 2456114"/>
              <a:gd name="connsiteX2" fmla="*/ 16962 w 2679396"/>
              <a:gd name="connsiteY2" fmla="*/ 1535895 h 2456114"/>
              <a:gd name="connsiteX3" fmla="*/ 1340937 w 2679396"/>
              <a:gd name="connsiteY3" fmla="*/ 2450295 h 2456114"/>
              <a:gd name="connsiteX4" fmla="*/ 1769562 w 2679396"/>
              <a:gd name="connsiteY4" fmla="*/ 1888320 h 2456114"/>
              <a:gd name="connsiteX5" fmla="*/ 2674437 w 2679396"/>
              <a:gd name="connsiteY5" fmla="*/ 1126320 h 2456114"/>
              <a:gd name="connsiteX6" fmla="*/ 1331412 w 2679396"/>
              <a:gd name="connsiteY6" fmla="*/ 316695 h 2456114"/>
              <a:gd name="connsiteX0" fmla="*/ 1339284 w 2687268"/>
              <a:gd name="connsiteY0" fmla="*/ 316695 h 2260648"/>
              <a:gd name="connsiteX1" fmla="*/ 434409 w 2687268"/>
              <a:gd name="connsiteY1" fmla="*/ 126195 h 2260648"/>
              <a:gd name="connsiteX2" fmla="*/ 24834 w 2687268"/>
              <a:gd name="connsiteY2" fmla="*/ 1535895 h 2260648"/>
              <a:gd name="connsiteX3" fmla="*/ 1082109 w 2687268"/>
              <a:gd name="connsiteY3" fmla="*/ 2250270 h 2260648"/>
              <a:gd name="connsiteX4" fmla="*/ 1777434 w 2687268"/>
              <a:gd name="connsiteY4" fmla="*/ 1888320 h 2260648"/>
              <a:gd name="connsiteX5" fmla="*/ 2682309 w 2687268"/>
              <a:gd name="connsiteY5" fmla="*/ 1126320 h 2260648"/>
              <a:gd name="connsiteX6" fmla="*/ 1339284 w 2687268"/>
              <a:gd name="connsiteY6" fmla="*/ 316695 h 2260648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9301"/>
              <a:gd name="connsiteY0" fmla="*/ 316695 h 2255096"/>
              <a:gd name="connsiteX1" fmla="*/ 434409 w 2689301"/>
              <a:gd name="connsiteY1" fmla="*/ 126195 h 2255096"/>
              <a:gd name="connsiteX2" fmla="*/ 24834 w 2689301"/>
              <a:gd name="connsiteY2" fmla="*/ 1535895 h 2255096"/>
              <a:gd name="connsiteX3" fmla="*/ 1082109 w 2689301"/>
              <a:gd name="connsiteY3" fmla="*/ 2250270 h 2255096"/>
              <a:gd name="connsiteX4" fmla="*/ 1844109 w 2689301"/>
              <a:gd name="connsiteY4" fmla="*/ 1802595 h 2255096"/>
              <a:gd name="connsiteX5" fmla="*/ 2682309 w 2689301"/>
              <a:gd name="connsiteY5" fmla="*/ 1126320 h 2255096"/>
              <a:gd name="connsiteX6" fmla="*/ 1339284 w 2689301"/>
              <a:gd name="connsiteY6" fmla="*/ 316695 h 2255096"/>
              <a:gd name="connsiteX0" fmla="*/ 1339284 w 2454328"/>
              <a:gd name="connsiteY0" fmla="*/ 312132 h 2250533"/>
              <a:gd name="connsiteX1" fmla="*/ 434409 w 2454328"/>
              <a:gd name="connsiteY1" fmla="*/ 121632 h 2250533"/>
              <a:gd name="connsiteX2" fmla="*/ 24834 w 2454328"/>
              <a:gd name="connsiteY2" fmla="*/ 1531332 h 2250533"/>
              <a:gd name="connsiteX3" fmla="*/ 1082109 w 2454328"/>
              <a:gd name="connsiteY3" fmla="*/ 2245707 h 2250533"/>
              <a:gd name="connsiteX4" fmla="*/ 1844109 w 2454328"/>
              <a:gd name="connsiteY4" fmla="*/ 1798032 h 2250533"/>
              <a:gd name="connsiteX5" fmla="*/ 2444184 w 2454328"/>
              <a:gd name="connsiteY5" fmla="*/ 969357 h 2250533"/>
              <a:gd name="connsiteX6" fmla="*/ 1339284 w 2454328"/>
              <a:gd name="connsiteY6" fmla="*/ 312132 h 2250533"/>
              <a:gd name="connsiteX0" fmla="*/ 1339284 w 2444186"/>
              <a:gd name="connsiteY0" fmla="*/ 312132 h 2250533"/>
              <a:gd name="connsiteX1" fmla="*/ 434409 w 2444186"/>
              <a:gd name="connsiteY1" fmla="*/ 121632 h 2250533"/>
              <a:gd name="connsiteX2" fmla="*/ 24834 w 2444186"/>
              <a:gd name="connsiteY2" fmla="*/ 1531332 h 2250533"/>
              <a:gd name="connsiteX3" fmla="*/ 1082109 w 2444186"/>
              <a:gd name="connsiteY3" fmla="*/ 2245707 h 2250533"/>
              <a:gd name="connsiteX4" fmla="*/ 1844109 w 2444186"/>
              <a:gd name="connsiteY4" fmla="*/ 1798032 h 2250533"/>
              <a:gd name="connsiteX5" fmla="*/ 2444184 w 2444186"/>
              <a:gd name="connsiteY5" fmla="*/ 969357 h 2250533"/>
              <a:gd name="connsiteX6" fmla="*/ 1339284 w 2444186"/>
              <a:gd name="connsiteY6" fmla="*/ 312132 h 2250533"/>
              <a:gd name="connsiteX0" fmla="*/ 1339284 w 2434661"/>
              <a:gd name="connsiteY0" fmla="*/ 316110 h 2254511"/>
              <a:gd name="connsiteX1" fmla="*/ 434409 w 2434661"/>
              <a:gd name="connsiteY1" fmla="*/ 125610 h 2254511"/>
              <a:gd name="connsiteX2" fmla="*/ 24834 w 2434661"/>
              <a:gd name="connsiteY2" fmla="*/ 1535310 h 2254511"/>
              <a:gd name="connsiteX3" fmla="*/ 1082109 w 2434661"/>
              <a:gd name="connsiteY3" fmla="*/ 2249685 h 2254511"/>
              <a:gd name="connsiteX4" fmla="*/ 1844109 w 2434661"/>
              <a:gd name="connsiteY4" fmla="*/ 1802010 h 2254511"/>
              <a:gd name="connsiteX5" fmla="*/ 2434659 w 2434661"/>
              <a:gd name="connsiteY5" fmla="*/ 1106685 h 2254511"/>
              <a:gd name="connsiteX6" fmla="*/ 1339284 w 2434661"/>
              <a:gd name="connsiteY6" fmla="*/ 316110 h 22545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434661" h="2254511">
                <a:moveTo>
                  <a:pt x="1339284" y="316110"/>
                </a:moveTo>
                <a:cubicBezTo>
                  <a:pt x="1005909" y="152598"/>
                  <a:pt x="929709" y="-182365"/>
                  <a:pt x="434409" y="125610"/>
                </a:cubicBezTo>
                <a:cubicBezTo>
                  <a:pt x="180658" y="283391"/>
                  <a:pt x="-83116" y="1181298"/>
                  <a:pt x="24834" y="1535310"/>
                </a:cubicBezTo>
                <a:cubicBezTo>
                  <a:pt x="132784" y="1889323"/>
                  <a:pt x="778896" y="2205235"/>
                  <a:pt x="1082109" y="2249685"/>
                </a:cubicBezTo>
                <a:cubicBezTo>
                  <a:pt x="1385322" y="2294135"/>
                  <a:pt x="1621859" y="2022672"/>
                  <a:pt x="1844109" y="1802010"/>
                </a:cubicBezTo>
                <a:cubicBezTo>
                  <a:pt x="2067946" y="1581348"/>
                  <a:pt x="2434100" y="1368237"/>
                  <a:pt x="2434659" y="1106685"/>
                </a:cubicBezTo>
                <a:cubicBezTo>
                  <a:pt x="2436247" y="363735"/>
                  <a:pt x="1672659" y="479623"/>
                  <a:pt x="1339284" y="316110"/>
                </a:cubicBez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cxnSp>
        <p:nvCxnSpPr>
          <p:cNvPr id="37" name="Straight Connector 36"/>
          <p:cNvCxnSpPr/>
          <p:nvPr/>
        </p:nvCxnSpPr>
        <p:spPr>
          <a:xfrm flipH="1">
            <a:off x="5295616" y="1958900"/>
            <a:ext cx="1678074" cy="44715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274638"/>
            <a:ext cx="9144000" cy="1143000"/>
          </a:xfrm>
        </p:spPr>
        <p:txBody>
          <a:bodyPr>
            <a:normAutofit/>
          </a:bodyPr>
          <a:lstStyle/>
          <a:p>
            <a:r>
              <a:rPr lang="da-DK" dirty="0"/>
              <a:t>Stærke Sammenhængskomponent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886420" y="5877272"/>
            <a:ext cx="8478344" cy="964704"/>
          </a:xfrm>
        </p:spPr>
        <p:txBody>
          <a:bodyPr>
            <a:normAutofit/>
          </a:bodyPr>
          <a:lstStyle/>
          <a:p>
            <a:r>
              <a:rPr lang="da-DK" dirty="0"/>
              <a:t>Kan alle par af knuder nå hinanden </a:t>
            </a:r>
            <a:r>
              <a:rPr lang="da-DK" b="1" dirty="0"/>
              <a:t>begge veje </a:t>
            </a:r>
            <a:r>
              <a:rPr lang="da-DK" dirty="0"/>
              <a:t>?</a:t>
            </a:r>
            <a:br>
              <a:rPr lang="da-DK" dirty="0"/>
            </a:br>
            <a:r>
              <a:rPr lang="da-DK" sz="2400" dirty="0"/>
              <a:t>(bruges f.eks. til at </a:t>
            </a:r>
            <a:r>
              <a:rPr lang="da-DK" sz="2400" dirty="0" err="1"/>
              <a:t>checke</a:t>
            </a:r>
            <a:r>
              <a:rPr lang="da-DK" sz="2400" dirty="0"/>
              <a:t> for fejl i vej-data)</a:t>
            </a:r>
          </a:p>
        </p:txBody>
      </p:sp>
      <p:cxnSp>
        <p:nvCxnSpPr>
          <p:cNvPr id="4" name="Straight Connector 3"/>
          <p:cNvCxnSpPr/>
          <p:nvPr/>
        </p:nvCxnSpPr>
        <p:spPr>
          <a:xfrm flipH="1" flipV="1">
            <a:off x="3483791" y="2822216"/>
            <a:ext cx="391402" cy="644426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/>
          <p:cNvCxnSpPr/>
          <p:nvPr/>
        </p:nvCxnSpPr>
        <p:spPr>
          <a:xfrm flipH="1">
            <a:off x="3483791" y="1909120"/>
            <a:ext cx="466934" cy="913096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/>
          <p:cNvCxnSpPr/>
          <p:nvPr/>
        </p:nvCxnSpPr>
        <p:spPr>
          <a:xfrm>
            <a:off x="3875198" y="3470288"/>
            <a:ext cx="230277" cy="8643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 flipV="1">
            <a:off x="4095876" y="2892549"/>
            <a:ext cx="1288189" cy="664175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 flipV="1">
            <a:off x="7877243" y="3003274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 flipH="1" flipV="1">
            <a:off x="7120183" y="3625860"/>
            <a:ext cx="757056" cy="49312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 flipH="1" flipV="1">
            <a:off x="7791335" y="2380688"/>
            <a:ext cx="1093056" cy="60797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H="1" flipV="1">
            <a:off x="7664966" y="2078056"/>
            <a:ext cx="126373" cy="30263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/>
          <p:cNvCxnSpPr/>
          <p:nvPr/>
        </p:nvCxnSpPr>
        <p:spPr>
          <a:xfrm flipV="1">
            <a:off x="7120183" y="2380688"/>
            <a:ext cx="671150" cy="124517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 flipH="1">
            <a:off x="6560249" y="3625860"/>
            <a:ext cx="561292" cy="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/>
        </p:nvCxnSpPr>
        <p:spPr>
          <a:xfrm flipH="1" flipV="1">
            <a:off x="6033875" y="3182261"/>
            <a:ext cx="526379" cy="443607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/>
          <p:nvPr/>
        </p:nvCxnSpPr>
        <p:spPr>
          <a:xfrm flipH="1">
            <a:off x="6033870" y="1952456"/>
            <a:ext cx="978316" cy="12298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>
            <a:off x="7012183" y="1952456"/>
            <a:ext cx="652778" cy="12560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>
            <a:off x="3950729" y="1909120"/>
            <a:ext cx="1337439" cy="513428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5288163" y="2422548"/>
            <a:ext cx="106984" cy="47579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>
            <a:off x="5395147" y="2892549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>
            <a:off x="5644036" y="3084774"/>
            <a:ext cx="389839" cy="9748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1" name="Group 20"/>
          <p:cNvGrpSpPr/>
          <p:nvPr/>
        </p:nvGrpSpPr>
        <p:grpSpPr>
          <a:xfrm>
            <a:off x="3435843" y="1858013"/>
            <a:ext cx="5502548" cy="2320619"/>
            <a:chOff x="1355700" y="2536800"/>
            <a:chExt cx="5502548" cy="2320619"/>
          </a:xfrm>
        </p:grpSpPr>
        <p:sp>
          <p:nvSpPr>
            <p:cNvPr id="22" name="Oval 21"/>
            <p:cNvSpPr/>
            <p:nvPr/>
          </p:nvSpPr>
          <p:spPr>
            <a:xfrm>
              <a:off x="1971327" y="4163553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1741050" y="409143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4" name="Oval 23"/>
            <p:cNvSpPr/>
            <p:nvPr/>
          </p:nvSpPr>
          <p:spPr>
            <a:xfrm>
              <a:off x="4418684" y="4250842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5" name="Oval 24"/>
            <p:cNvSpPr/>
            <p:nvPr/>
          </p:nvSpPr>
          <p:spPr>
            <a:xfrm>
              <a:off x="4990191" y="425255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" name="Oval 25"/>
            <p:cNvSpPr/>
            <p:nvPr/>
          </p:nvSpPr>
          <p:spPr>
            <a:xfrm>
              <a:off x="1355700" y="345021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" name="Oval 26"/>
            <p:cNvSpPr/>
            <p:nvPr/>
          </p:nvSpPr>
          <p:spPr>
            <a:xfrm>
              <a:off x="1816582" y="25368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" name="Oval 27"/>
            <p:cNvSpPr/>
            <p:nvPr/>
          </p:nvSpPr>
          <p:spPr>
            <a:xfrm>
              <a:off x="3509888" y="3717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9" name="Oval 28"/>
            <p:cNvSpPr/>
            <p:nvPr/>
          </p:nvSpPr>
          <p:spPr>
            <a:xfrm>
              <a:off x="3899728" y="381239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0" name="Oval 29"/>
            <p:cNvSpPr/>
            <p:nvPr/>
          </p:nvSpPr>
          <p:spPr>
            <a:xfrm>
              <a:off x="5743095" y="4749419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1" name="Oval 30"/>
            <p:cNvSpPr/>
            <p:nvPr/>
          </p:nvSpPr>
          <p:spPr>
            <a:xfrm>
              <a:off x="5648004" y="300548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" name="Oval 31"/>
            <p:cNvSpPr/>
            <p:nvPr/>
          </p:nvSpPr>
          <p:spPr>
            <a:xfrm>
              <a:off x="5540004" y="270892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3" name="Oval 32"/>
            <p:cNvSpPr/>
            <p:nvPr/>
          </p:nvSpPr>
          <p:spPr>
            <a:xfrm>
              <a:off x="4875560" y="257922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" name="Oval 33"/>
            <p:cNvSpPr/>
            <p:nvPr/>
          </p:nvSpPr>
          <p:spPr>
            <a:xfrm>
              <a:off x="3153512" y="30384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5" name="Oval 34"/>
            <p:cNvSpPr/>
            <p:nvPr/>
          </p:nvSpPr>
          <p:spPr>
            <a:xfrm>
              <a:off x="6750248" y="361985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36" name="Oval 35"/>
          <p:cNvSpPr/>
          <p:nvPr/>
        </p:nvSpPr>
        <p:spPr>
          <a:xfrm>
            <a:off x="5331513" y="284433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68" name="Group 67"/>
          <p:cNvGrpSpPr/>
          <p:nvPr/>
        </p:nvGrpSpPr>
        <p:grpSpPr>
          <a:xfrm>
            <a:off x="4769258" y="4941168"/>
            <a:ext cx="2406862" cy="366350"/>
            <a:chOff x="972533" y="4835554"/>
            <a:chExt cx="2406862" cy="366350"/>
          </a:xfrm>
        </p:grpSpPr>
        <p:cxnSp>
          <p:nvCxnSpPr>
            <p:cNvPr id="48" name="Straight Connector 47"/>
            <p:cNvCxnSpPr>
              <a:stCxn id="45" idx="6"/>
              <a:endCxn id="46" idx="2"/>
            </p:cNvCxnSpPr>
            <p:nvPr/>
          </p:nvCxnSpPr>
          <p:spPr>
            <a:xfrm>
              <a:off x="1332533" y="5021904"/>
              <a:ext cx="663431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Straight Connector 50"/>
            <p:cNvCxnSpPr>
              <a:stCxn id="46" idx="6"/>
              <a:endCxn id="47" idx="2"/>
            </p:cNvCxnSpPr>
            <p:nvPr/>
          </p:nvCxnSpPr>
          <p:spPr>
            <a:xfrm>
              <a:off x="2355964" y="5021904"/>
              <a:ext cx="663431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Curved Connector 54"/>
            <p:cNvCxnSpPr>
              <a:stCxn id="45" idx="0"/>
              <a:endCxn id="47" idx="0"/>
            </p:cNvCxnSpPr>
            <p:nvPr/>
          </p:nvCxnSpPr>
          <p:spPr>
            <a:xfrm rot="5400000" flipH="1" flipV="1">
              <a:off x="2175964" y="3818473"/>
              <a:ext cx="12700" cy="2046862"/>
            </a:xfrm>
            <a:prstGeom prst="curvedConnector3">
              <a:avLst>
                <a:gd name="adj1" fmla="val 4779315"/>
              </a:avLst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5" name="Oval 44"/>
            <p:cNvSpPr/>
            <p:nvPr/>
          </p:nvSpPr>
          <p:spPr>
            <a:xfrm>
              <a:off x="972533" y="4841904"/>
              <a:ext cx="360000" cy="360000"/>
            </a:xfrm>
            <a:prstGeom prst="ellipse">
              <a:avLst/>
            </a:prstGeom>
            <a:solidFill>
              <a:schemeClr val="accent3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b="1" dirty="0">
                <a:solidFill>
                  <a:schemeClr val="bg1"/>
                </a:solidFill>
              </a:endParaRPr>
            </a:p>
          </p:txBody>
        </p:sp>
        <p:sp>
          <p:nvSpPr>
            <p:cNvPr id="46" name="Oval 45"/>
            <p:cNvSpPr/>
            <p:nvPr/>
          </p:nvSpPr>
          <p:spPr>
            <a:xfrm>
              <a:off x="1995964" y="4841904"/>
              <a:ext cx="360000" cy="360000"/>
            </a:xfrm>
            <a:prstGeom prst="ellipse">
              <a:avLst/>
            </a:prstGeom>
            <a:solidFill>
              <a:schemeClr val="accent6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b="1" dirty="0">
                <a:solidFill>
                  <a:schemeClr val="bg1"/>
                </a:solidFill>
              </a:endParaRPr>
            </a:p>
          </p:txBody>
        </p:sp>
        <p:sp>
          <p:nvSpPr>
            <p:cNvPr id="47" name="Oval 46"/>
            <p:cNvSpPr/>
            <p:nvPr/>
          </p:nvSpPr>
          <p:spPr>
            <a:xfrm>
              <a:off x="3019395" y="4841904"/>
              <a:ext cx="360000" cy="360000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b="1" dirty="0">
                <a:solidFill>
                  <a:schemeClr val="bg1"/>
                </a:solidFill>
              </a:endParaRPr>
            </a:p>
          </p:txBody>
        </p:sp>
      </p:grpSp>
      <p:sp>
        <p:nvSpPr>
          <p:cNvPr id="67" name="TextBox 66"/>
          <p:cNvSpPr txBox="1"/>
          <p:nvPr/>
        </p:nvSpPr>
        <p:spPr>
          <a:xfrm>
            <a:off x="4769258" y="5345920"/>
            <a:ext cx="239573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/>
              <a:t>(topologisk sortering)</a:t>
            </a:r>
          </a:p>
        </p:txBody>
      </p:sp>
    </p:spTree>
    <p:extLst>
      <p:ext uri="{BB962C8B-B14F-4D97-AF65-F5344CB8AC3E}">
        <p14:creationId xmlns:p14="http://schemas.microsoft.com/office/powerpoint/2010/main" val="3363716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4" grpId="0" animBg="1"/>
      <p:bldP spid="43" grpId="0" animBg="1"/>
      <p:bldP spid="42" grpId="0" animBg="1"/>
      <p:bldP spid="67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8" name="Group 197"/>
          <p:cNvGrpSpPr/>
          <p:nvPr/>
        </p:nvGrpSpPr>
        <p:grpSpPr>
          <a:xfrm>
            <a:off x="3483791" y="1904508"/>
            <a:ext cx="1911356" cy="1647599"/>
            <a:chOff x="4434045" y="4418013"/>
            <a:chExt cx="1911356" cy="1647599"/>
          </a:xfrm>
        </p:grpSpPr>
        <p:cxnSp>
          <p:nvCxnSpPr>
            <p:cNvPr id="186" name="Straight Connector 185"/>
            <p:cNvCxnSpPr/>
            <p:nvPr/>
          </p:nvCxnSpPr>
          <p:spPr>
            <a:xfrm flipH="1" flipV="1">
              <a:off x="4434045" y="5331109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7" name="Straight Connector 186"/>
            <p:cNvCxnSpPr/>
            <p:nvPr/>
          </p:nvCxnSpPr>
          <p:spPr>
            <a:xfrm flipH="1">
              <a:off x="4434045" y="4418013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8" name="Straight Connector 187"/>
            <p:cNvCxnSpPr/>
            <p:nvPr/>
          </p:nvCxnSpPr>
          <p:spPr>
            <a:xfrm>
              <a:off x="4825447" y="5979181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9" name="Straight Connector 188"/>
            <p:cNvCxnSpPr/>
            <p:nvPr/>
          </p:nvCxnSpPr>
          <p:spPr>
            <a:xfrm flipV="1">
              <a:off x="5046125" y="5401437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0" name="Straight Connector 189"/>
            <p:cNvCxnSpPr/>
            <p:nvPr/>
          </p:nvCxnSpPr>
          <p:spPr>
            <a:xfrm>
              <a:off x="4900978" y="4418013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1" name="Straight Connector 190"/>
            <p:cNvCxnSpPr/>
            <p:nvPr/>
          </p:nvCxnSpPr>
          <p:spPr>
            <a:xfrm>
              <a:off x="6238417" y="4931441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9" name="Group 88"/>
          <p:cNvGrpSpPr/>
          <p:nvPr/>
        </p:nvGrpSpPr>
        <p:grpSpPr>
          <a:xfrm>
            <a:off x="6041426" y="1966013"/>
            <a:ext cx="1757464" cy="1673407"/>
            <a:chOff x="4662270" y="2115550"/>
            <a:chExt cx="1757464" cy="1673407"/>
          </a:xfrm>
        </p:grpSpPr>
        <p:cxnSp>
          <p:nvCxnSpPr>
            <p:cNvPr id="83" name="Straight Connector 82"/>
            <p:cNvCxnSpPr/>
            <p:nvPr/>
          </p:nvCxnSpPr>
          <p:spPr>
            <a:xfrm flipH="1" flipV="1">
              <a:off x="6293361" y="2241150"/>
              <a:ext cx="126373" cy="30263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4" name="Straight Connector 83"/>
            <p:cNvCxnSpPr/>
            <p:nvPr/>
          </p:nvCxnSpPr>
          <p:spPr>
            <a:xfrm flipV="1">
              <a:off x="5748583" y="2543782"/>
              <a:ext cx="671150" cy="124517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5" name="Straight Connector 84"/>
            <p:cNvCxnSpPr/>
            <p:nvPr/>
          </p:nvCxnSpPr>
          <p:spPr>
            <a:xfrm flipH="1">
              <a:off x="5188649" y="3788954"/>
              <a:ext cx="561292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6" name="Straight Connector 85"/>
            <p:cNvCxnSpPr/>
            <p:nvPr/>
          </p:nvCxnSpPr>
          <p:spPr>
            <a:xfrm flipH="1" flipV="1">
              <a:off x="4662270" y="3345350"/>
              <a:ext cx="526379" cy="44360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7" name="Straight Connector 86"/>
            <p:cNvCxnSpPr/>
            <p:nvPr/>
          </p:nvCxnSpPr>
          <p:spPr>
            <a:xfrm flipH="1">
              <a:off x="4662270" y="2115550"/>
              <a:ext cx="978316" cy="12298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8" name="Straight Connector 87"/>
            <p:cNvCxnSpPr/>
            <p:nvPr/>
          </p:nvCxnSpPr>
          <p:spPr>
            <a:xfrm>
              <a:off x="5640583" y="2115550"/>
              <a:ext cx="652778" cy="1256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90" name="Group 89"/>
          <p:cNvGrpSpPr/>
          <p:nvPr/>
        </p:nvGrpSpPr>
        <p:grpSpPr>
          <a:xfrm>
            <a:off x="6036692" y="1963445"/>
            <a:ext cx="1757464" cy="1673407"/>
            <a:chOff x="4662270" y="2115550"/>
            <a:chExt cx="1757464" cy="1673407"/>
          </a:xfrm>
        </p:grpSpPr>
        <p:cxnSp>
          <p:nvCxnSpPr>
            <p:cNvPr id="91" name="Straight Connector 90"/>
            <p:cNvCxnSpPr/>
            <p:nvPr/>
          </p:nvCxnSpPr>
          <p:spPr>
            <a:xfrm flipH="1" flipV="1">
              <a:off x="6293361" y="2241150"/>
              <a:ext cx="126373" cy="302632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2" name="Straight Connector 91"/>
            <p:cNvCxnSpPr/>
            <p:nvPr/>
          </p:nvCxnSpPr>
          <p:spPr>
            <a:xfrm flipV="1">
              <a:off x="5748583" y="2543782"/>
              <a:ext cx="671150" cy="1245172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3" name="Straight Connector 92"/>
            <p:cNvCxnSpPr/>
            <p:nvPr/>
          </p:nvCxnSpPr>
          <p:spPr>
            <a:xfrm flipH="1">
              <a:off x="5188649" y="3788954"/>
              <a:ext cx="561292" cy="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4" name="Straight Connector 93"/>
            <p:cNvCxnSpPr/>
            <p:nvPr/>
          </p:nvCxnSpPr>
          <p:spPr>
            <a:xfrm flipH="1" flipV="1">
              <a:off x="4662270" y="3345350"/>
              <a:ext cx="526379" cy="443607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5" name="Straight Connector 94"/>
            <p:cNvCxnSpPr/>
            <p:nvPr/>
          </p:nvCxnSpPr>
          <p:spPr>
            <a:xfrm flipH="1">
              <a:off x="4662270" y="2115550"/>
              <a:ext cx="978316" cy="122980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6" name="Straight Connector 95"/>
            <p:cNvCxnSpPr/>
            <p:nvPr/>
          </p:nvCxnSpPr>
          <p:spPr>
            <a:xfrm>
              <a:off x="5640583" y="2115550"/>
              <a:ext cx="652778" cy="12560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8" name="Straight Connector 7"/>
          <p:cNvCxnSpPr/>
          <p:nvPr/>
        </p:nvCxnSpPr>
        <p:spPr>
          <a:xfrm flipV="1">
            <a:off x="7877243" y="3003274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>
            <a:off x="5395147" y="2892549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Connector 72"/>
          <p:cNvCxnSpPr/>
          <p:nvPr/>
        </p:nvCxnSpPr>
        <p:spPr>
          <a:xfrm flipH="1" flipV="1">
            <a:off x="7338572" y="2830194"/>
            <a:ext cx="1538728" cy="154311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 flipH="1" flipV="1">
            <a:off x="7207256" y="3111500"/>
            <a:ext cx="666749" cy="98425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Straight Connector 75"/>
          <p:cNvCxnSpPr/>
          <p:nvPr/>
        </p:nvCxnSpPr>
        <p:spPr>
          <a:xfrm flipH="1" flipV="1">
            <a:off x="5321300" y="2419350"/>
            <a:ext cx="1416050" cy="33020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/>
          <p:cNvCxnSpPr/>
          <p:nvPr/>
        </p:nvCxnSpPr>
        <p:spPr>
          <a:xfrm flipV="1">
            <a:off x="5702300" y="2870200"/>
            <a:ext cx="1028700" cy="2032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0" name="Group 39"/>
          <p:cNvGrpSpPr/>
          <p:nvPr/>
        </p:nvGrpSpPr>
        <p:grpSpPr>
          <a:xfrm>
            <a:off x="5295621" y="1900432"/>
            <a:ext cx="3588775" cy="2218550"/>
            <a:chOff x="3771616" y="1900432"/>
            <a:chExt cx="3588775" cy="2218550"/>
          </a:xfrm>
        </p:grpSpPr>
        <p:grpSp>
          <p:nvGrpSpPr>
            <p:cNvPr id="39" name="Group 38"/>
            <p:cNvGrpSpPr/>
            <p:nvPr/>
          </p:nvGrpSpPr>
          <p:grpSpPr>
            <a:xfrm>
              <a:off x="3771616" y="1900432"/>
              <a:ext cx="3588775" cy="2218550"/>
              <a:chOff x="3771616" y="1900432"/>
              <a:chExt cx="3588775" cy="2218550"/>
            </a:xfrm>
          </p:grpSpPr>
          <p:cxnSp>
            <p:nvCxnSpPr>
              <p:cNvPr id="37" name="Straight Connector 36"/>
              <p:cNvCxnSpPr/>
              <p:nvPr/>
            </p:nvCxnSpPr>
            <p:spPr>
              <a:xfrm flipH="1">
                <a:off x="3771616" y="1958900"/>
                <a:ext cx="1678074" cy="447152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triangl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9" name="Straight Connector 8"/>
              <p:cNvCxnSpPr/>
              <p:nvPr/>
            </p:nvCxnSpPr>
            <p:spPr>
              <a:xfrm flipH="1" flipV="1">
                <a:off x="5596183" y="3625860"/>
                <a:ext cx="757056" cy="493122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triangl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0" name="Straight Connector 9"/>
              <p:cNvCxnSpPr/>
              <p:nvPr/>
            </p:nvCxnSpPr>
            <p:spPr>
              <a:xfrm flipH="1" flipV="1">
                <a:off x="6267335" y="2380688"/>
                <a:ext cx="1093056" cy="607970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none" w="med" len="med"/>
                <a:tailEnd type="triangl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" name="Straight Connector 19"/>
              <p:cNvCxnSpPr/>
              <p:nvPr/>
            </p:nvCxnSpPr>
            <p:spPr>
              <a:xfrm>
                <a:off x="4120031" y="3084774"/>
                <a:ext cx="389839" cy="97482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none" w="med" len="med"/>
                <a:tailEnd type="triangl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4" name="Oval 23"/>
              <p:cNvSpPr/>
              <p:nvPr/>
            </p:nvSpPr>
            <p:spPr>
              <a:xfrm>
                <a:off x="4974827" y="357205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" name="Oval 24"/>
              <p:cNvSpPr/>
              <p:nvPr/>
            </p:nvSpPr>
            <p:spPr>
              <a:xfrm>
                <a:off x="5546334" y="3573759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9" name="Oval 28"/>
              <p:cNvSpPr/>
              <p:nvPr/>
            </p:nvSpPr>
            <p:spPr>
              <a:xfrm>
                <a:off x="4455871" y="3133606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2" name="Oval 31"/>
              <p:cNvSpPr/>
              <p:nvPr/>
            </p:nvSpPr>
            <p:spPr>
              <a:xfrm>
                <a:off x="6096147" y="2030128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3" name="Oval 32"/>
              <p:cNvSpPr/>
              <p:nvPr/>
            </p:nvSpPr>
            <p:spPr>
              <a:xfrm>
                <a:off x="5431703" y="1900432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  <p:sp>
          <p:nvSpPr>
            <p:cNvPr id="31" name="Oval 30"/>
            <p:cNvSpPr/>
            <p:nvPr/>
          </p:nvSpPr>
          <p:spPr>
            <a:xfrm>
              <a:off x="6204147" y="232668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77" name="Group 176"/>
          <p:cNvGrpSpPr/>
          <p:nvPr/>
        </p:nvGrpSpPr>
        <p:grpSpPr>
          <a:xfrm>
            <a:off x="3478311" y="1908488"/>
            <a:ext cx="1911356" cy="1647599"/>
            <a:chOff x="2112191" y="2061520"/>
            <a:chExt cx="1911356" cy="1647599"/>
          </a:xfrm>
        </p:grpSpPr>
        <p:cxnSp>
          <p:nvCxnSpPr>
            <p:cNvPr id="171" name="Straight Connector 170"/>
            <p:cNvCxnSpPr/>
            <p:nvPr/>
          </p:nvCxnSpPr>
          <p:spPr>
            <a:xfrm flipH="1" flipV="1">
              <a:off x="2112191" y="2974616"/>
              <a:ext cx="391402" cy="64442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2" name="Straight Connector 171"/>
            <p:cNvCxnSpPr/>
            <p:nvPr/>
          </p:nvCxnSpPr>
          <p:spPr>
            <a:xfrm flipH="1">
              <a:off x="2112191" y="2061520"/>
              <a:ext cx="466934" cy="91309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3" name="Straight Connector 172"/>
            <p:cNvCxnSpPr/>
            <p:nvPr/>
          </p:nvCxnSpPr>
          <p:spPr>
            <a:xfrm>
              <a:off x="2503593" y="3622688"/>
              <a:ext cx="230277" cy="8643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4" name="Straight Connector 173"/>
            <p:cNvCxnSpPr/>
            <p:nvPr/>
          </p:nvCxnSpPr>
          <p:spPr>
            <a:xfrm flipV="1">
              <a:off x="2724271" y="3044944"/>
              <a:ext cx="1288189" cy="664175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" name="Straight Connector 174"/>
            <p:cNvCxnSpPr/>
            <p:nvPr/>
          </p:nvCxnSpPr>
          <p:spPr>
            <a:xfrm>
              <a:off x="2579124" y="2061520"/>
              <a:ext cx="1337439" cy="513428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6" name="Straight Connector 175"/>
            <p:cNvCxnSpPr/>
            <p:nvPr/>
          </p:nvCxnSpPr>
          <p:spPr>
            <a:xfrm>
              <a:off x="3916563" y="2574948"/>
              <a:ext cx="106984" cy="47579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78" name="Straight Connector 177"/>
          <p:cNvCxnSpPr>
            <a:endCxn id="115" idx="6"/>
          </p:cNvCxnSpPr>
          <p:nvPr/>
        </p:nvCxnSpPr>
        <p:spPr>
          <a:xfrm flipH="1" flipV="1">
            <a:off x="4676443" y="2603777"/>
            <a:ext cx="2037629" cy="181761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Straight Connector 183"/>
          <p:cNvCxnSpPr/>
          <p:nvPr/>
        </p:nvCxnSpPr>
        <p:spPr>
          <a:xfrm>
            <a:off x="4650085" y="2744176"/>
            <a:ext cx="946387" cy="32478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99" name="Group 198"/>
          <p:cNvGrpSpPr/>
          <p:nvPr/>
        </p:nvGrpSpPr>
        <p:grpSpPr>
          <a:xfrm>
            <a:off x="3435843" y="1853396"/>
            <a:ext cx="2003670" cy="1734753"/>
            <a:chOff x="4386097" y="4366901"/>
            <a:chExt cx="2003670" cy="1734753"/>
          </a:xfrm>
        </p:grpSpPr>
        <p:sp>
          <p:nvSpPr>
            <p:cNvPr id="192" name="Oval 191"/>
            <p:cNvSpPr/>
            <p:nvPr/>
          </p:nvSpPr>
          <p:spPr>
            <a:xfrm>
              <a:off x="5001724" y="599365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3" name="Oval 192"/>
            <p:cNvSpPr/>
            <p:nvPr/>
          </p:nvSpPr>
          <p:spPr>
            <a:xfrm>
              <a:off x="4771447" y="592153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4" name="Oval 193"/>
            <p:cNvSpPr/>
            <p:nvPr/>
          </p:nvSpPr>
          <p:spPr>
            <a:xfrm>
              <a:off x="4386097" y="5280316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5" name="Oval 194"/>
            <p:cNvSpPr/>
            <p:nvPr/>
          </p:nvSpPr>
          <p:spPr>
            <a:xfrm>
              <a:off x="4846979" y="43669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6" name="Oval 195"/>
            <p:cNvSpPr/>
            <p:nvPr/>
          </p:nvSpPr>
          <p:spPr>
            <a:xfrm>
              <a:off x="6281767" y="535323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7" name="Oval 196"/>
            <p:cNvSpPr/>
            <p:nvPr/>
          </p:nvSpPr>
          <p:spPr>
            <a:xfrm>
              <a:off x="6183909" y="48685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03" name="Group 202"/>
          <p:cNvGrpSpPr/>
          <p:nvPr/>
        </p:nvGrpSpPr>
        <p:grpSpPr>
          <a:xfrm>
            <a:off x="7207251" y="2827372"/>
            <a:ext cx="1677140" cy="1288793"/>
            <a:chOff x="5835651" y="2982589"/>
            <a:chExt cx="1677140" cy="1288793"/>
          </a:xfrm>
        </p:grpSpPr>
        <p:cxnSp>
          <p:nvCxnSpPr>
            <p:cNvPr id="200" name="Straight Connector 199"/>
            <p:cNvCxnSpPr/>
            <p:nvPr/>
          </p:nvCxnSpPr>
          <p:spPr>
            <a:xfrm flipV="1">
              <a:off x="6505638" y="3155674"/>
              <a:ext cx="1007153" cy="1115708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1" name="Straight Connector 200"/>
            <p:cNvCxnSpPr/>
            <p:nvPr/>
          </p:nvCxnSpPr>
          <p:spPr>
            <a:xfrm flipH="1" flipV="1">
              <a:off x="5966972" y="2982589"/>
              <a:ext cx="1538728" cy="154311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2" name="Straight Connector 201"/>
            <p:cNvCxnSpPr/>
            <p:nvPr/>
          </p:nvCxnSpPr>
          <p:spPr>
            <a:xfrm flipH="1" flipV="1">
              <a:off x="5835651" y="3263900"/>
              <a:ext cx="666749" cy="98425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4" name="Group 203"/>
          <p:cNvGrpSpPr/>
          <p:nvPr/>
        </p:nvGrpSpPr>
        <p:grpSpPr>
          <a:xfrm>
            <a:off x="7823243" y="2941065"/>
            <a:ext cx="1115153" cy="1237562"/>
            <a:chOff x="6299238" y="2941065"/>
            <a:chExt cx="1115153" cy="1237562"/>
          </a:xfrm>
        </p:grpSpPr>
        <p:sp>
          <p:nvSpPr>
            <p:cNvPr id="30" name="Oval 29"/>
            <p:cNvSpPr/>
            <p:nvPr/>
          </p:nvSpPr>
          <p:spPr>
            <a:xfrm>
              <a:off x="6299238" y="407062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5" name="Oval 34"/>
            <p:cNvSpPr/>
            <p:nvPr/>
          </p:nvSpPr>
          <p:spPr>
            <a:xfrm>
              <a:off x="7306391" y="294106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49" name="Group 148"/>
          <p:cNvGrpSpPr/>
          <p:nvPr/>
        </p:nvGrpSpPr>
        <p:grpSpPr>
          <a:xfrm>
            <a:off x="6714577" y="2507976"/>
            <a:ext cx="628480" cy="628480"/>
            <a:chOff x="3651003" y="3041278"/>
            <a:chExt cx="628480" cy="628480"/>
          </a:xfrm>
        </p:grpSpPr>
        <p:sp>
          <p:nvSpPr>
            <p:cNvPr id="150" name="Oval 149"/>
            <p:cNvSpPr>
              <a:spLocks noChangeAspect="1"/>
            </p:cNvSpPr>
            <p:nvPr/>
          </p:nvSpPr>
          <p:spPr>
            <a:xfrm>
              <a:off x="3651003" y="3041278"/>
              <a:ext cx="628480" cy="62848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grpSp>
          <p:nvGrpSpPr>
            <p:cNvPr id="151" name="Group 150"/>
            <p:cNvGrpSpPr/>
            <p:nvPr/>
          </p:nvGrpSpPr>
          <p:grpSpPr>
            <a:xfrm>
              <a:off x="3812555" y="3216322"/>
              <a:ext cx="290106" cy="278392"/>
              <a:chOff x="4139251" y="3163947"/>
              <a:chExt cx="290106" cy="278392"/>
            </a:xfrm>
          </p:grpSpPr>
          <p:cxnSp>
            <p:nvCxnSpPr>
              <p:cNvPr id="152" name="Straight Connector 151"/>
              <p:cNvCxnSpPr/>
              <p:nvPr/>
            </p:nvCxnSpPr>
            <p:spPr>
              <a:xfrm flipH="1" flipV="1">
                <a:off x="4402603" y="3191707"/>
                <a:ext cx="19750" cy="47296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3" name="Straight Connector 152"/>
              <p:cNvCxnSpPr/>
              <p:nvPr/>
            </p:nvCxnSpPr>
            <p:spPr>
              <a:xfrm flipV="1">
                <a:off x="4317463" y="3239003"/>
                <a:ext cx="104890" cy="19460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4" name="Straight Connector 153"/>
              <p:cNvCxnSpPr/>
              <p:nvPr/>
            </p:nvCxnSpPr>
            <p:spPr>
              <a:xfrm flipH="1">
                <a:off x="4229955" y="3433603"/>
                <a:ext cx="87721" cy="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5" name="Straight Connector 154"/>
              <p:cNvCxnSpPr/>
              <p:nvPr/>
            </p:nvCxnSpPr>
            <p:spPr>
              <a:xfrm flipH="1" flipV="1">
                <a:off x="4147691" y="3364275"/>
                <a:ext cx="82264" cy="69328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6" name="Straight Connector 155"/>
              <p:cNvCxnSpPr/>
              <p:nvPr/>
            </p:nvCxnSpPr>
            <p:spPr>
              <a:xfrm flipH="1">
                <a:off x="4147691" y="3172078"/>
                <a:ext cx="152895" cy="192197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7" name="Straight Connector 156"/>
              <p:cNvCxnSpPr/>
              <p:nvPr/>
            </p:nvCxnSpPr>
            <p:spPr>
              <a:xfrm>
                <a:off x="4300585" y="3172078"/>
                <a:ext cx="102018" cy="19629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8" name="Oval 157"/>
              <p:cNvSpPr/>
              <p:nvPr/>
            </p:nvSpPr>
            <p:spPr>
              <a:xfrm>
                <a:off x="4412478" y="3230564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59" name="Oval 158"/>
              <p:cNvSpPr/>
              <p:nvPr/>
            </p:nvSpPr>
            <p:spPr>
              <a:xfrm>
                <a:off x="4220356" y="3425193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0" name="Oval 159"/>
              <p:cNvSpPr/>
              <p:nvPr/>
            </p:nvSpPr>
            <p:spPr>
              <a:xfrm>
                <a:off x="4309673" y="3425460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1" name="Oval 160"/>
              <p:cNvSpPr/>
              <p:nvPr/>
            </p:nvSpPr>
            <p:spPr>
              <a:xfrm>
                <a:off x="4139251" y="3356672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2" name="Oval 161"/>
              <p:cNvSpPr/>
              <p:nvPr/>
            </p:nvSpPr>
            <p:spPr>
              <a:xfrm>
                <a:off x="4395599" y="3184216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3" name="Oval 162"/>
              <p:cNvSpPr/>
              <p:nvPr/>
            </p:nvSpPr>
            <p:spPr>
              <a:xfrm>
                <a:off x="4291758" y="3163947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</p:grpSp>
      <p:sp>
        <p:nvSpPr>
          <p:cNvPr id="130" name="Oval 129"/>
          <p:cNvSpPr>
            <a:spLocks noChangeAspect="1"/>
          </p:cNvSpPr>
          <p:nvPr/>
        </p:nvSpPr>
        <p:spPr>
          <a:xfrm>
            <a:off x="7057505" y="2537759"/>
            <a:ext cx="630000" cy="630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131" name="Group 130"/>
          <p:cNvGrpSpPr/>
          <p:nvPr/>
        </p:nvGrpSpPr>
        <p:grpSpPr>
          <a:xfrm>
            <a:off x="7141363" y="2679104"/>
            <a:ext cx="462368" cy="356044"/>
            <a:chOff x="4412916" y="3219606"/>
            <a:chExt cx="462368" cy="356044"/>
          </a:xfrm>
        </p:grpSpPr>
        <p:cxnSp>
          <p:nvCxnSpPr>
            <p:cNvPr id="132" name="Straight Connector 131"/>
            <p:cNvCxnSpPr/>
            <p:nvPr/>
          </p:nvCxnSpPr>
          <p:spPr>
            <a:xfrm flipV="1">
              <a:off x="4709443" y="3391962"/>
              <a:ext cx="157401" cy="174367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3" name="Straight Connector 132"/>
            <p:cNvCxnSpPr/>
            <p:nvPr/>
          </p:nvCxnSpPr>
          <p:spPr>
            <a:xfrm flipH="1" flipV="1">
              <a:off x="4591128" y="3489262"/>
              <a:ext cx="118315" cy="77067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4" name="Straight Connector 133"/>
            <p:cNvCxnSpPr/>
            <p:nvPr/>
          </p:nvCxnSpPr>
          <p:spPr>
            <a:xfrm flipH="1" flipV="1">
              <a:off x="4696018" y="3294662"/>
              <a:ext cx="170827" cy="95016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5" name="Straight Connector 134"/>
            <p:cNvCxnSpPr/>
            <p:nvPr/>
          </p:nvCxnSpPr>
          <p:spPr>
            <a:xfrm flipH="1" flipV="1">
              <a:off x="4676268" y="3247366"/>
              <a:ext cx="19750" cy="47296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6" name="Straight Connector 135"/>
            <p:cNvCxnSpPr/>
            <p:nvPr/>
          </p:nvCxnSpPr>
          <p:spPr>
            <a:xfrm flipV="1">
              <a:off x="4591128" y="3294662"/>
              <a:ext cx="104890" cy="19460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7" name="Straight Connector 136"/>
            <p:cNvCxnSpPr/>
            <p:nvPr/>
          </p:nvCxnSpPr>
          <p:spPr>
            <a:xfrm flipH="1">
              <a:off x="4503620" y="3489262"/>
              <a:ext cx="87721" cy="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8" name="Straight Connector 137"/>
            <p:cNvCxnSpPr/>
            <p:nvPr/>
          </p:nvCxnSpPr>
          <p:spPr>
            <a:xfrm flipH="1" flipV="1">
              <a:off x="4421356" y="3419934"/>
              <a:ext cx="82264" cy="6932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9" name="Straight Connector 138"/>
            <p:cNvCxnSpPr/>
            <p:nvPr/>
          </p:nvCxnSpPr>
          <p:spPr>
            <a:xfrm flipH="1">
              <a:off x="4421356" y="3227737"/>
              <a:ext cx="152895" cy="192197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0" name="Straight Connector 139"/>
            <p:cNvCxnSpPr/>
            <p:nvPr/>
          </p:nvCxnSpPr>
          <p:spPr>
            <a:xfrm>
              <a:off x="4574250" y="3227737"/>
              <a:ext cx="102018" cy="19629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1" name="Oval 140"/>
            <p:cNvSpPr/>
            <p:nvPr/>
          </p:nvSpPr>
          <p:spPr>
            <a:xfrm>
              <a:off x="4686143" y="3286223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2" name="Oval 141"/>
            <p:cNvSpPr/>
            <p:nvPr/>
          </p:nvSpPr>
          <p:spPr>
            <a:xfrm>
              <a:off x="4494021" y="3480852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3" name="Oval 142"/>
            <p:cNvSpPr/>
            <p:nvPr/>
          </p:nvSpPr>
          <p:spPr>
            <a:xfrm>
              <a:off x="4583338" y="3481119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4" name="Oval 143"/>
            <p:cNvSpPr/>
            <p:nvPr/>
          </p:nvSpPr>
          <p:spPr>
            <a:xfrm>
              <a:off x="4412916" y="3412331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5" name="Oval 144"/>
            <p:cNvSpPr/>
            <p:nvPr/>
          </p:nvSpPr>
          <p:spPr>
            <a:xfrm>
              <a:off x="4701004" y="3558771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6" name="Oval 145"/>
            <p:cNvSpPr/>
            <p:nvPr/>
          </p:nvSpPr>
          <p:spPr>
            <a:xfrm>
              <a:off x="4669264" y="3239875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7" name="Oval 146"/>
            <p:cNvSpPr/>
            <p:nvPr/>
          </p:nvSpPr>
          <p:spPr>
            <a:xfrm>
              <a:off x="4565423" y="3219606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8" name="Oval 147"/>
            <p:cNvSpPr/>
            <p:nvPr/>
          </p:nvSpPr>
          <p:spPr>
            <a:xfrm>
              <a:off x="4858405" y="3382240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cxnSp>
        <p:nvCxnSpPr>
          <p:cNvPr id="206" name="Straight Connector 205"/>
          <p:cNvCxnSpPr>
            <a:stCxn id="28" idx="6"/>
          </p:cNvCxnSpPr>
          <p:nvPr/>
        </p:nvCxnSpPr>
        <p:spPr>
          <a:xfrm flipV="1">
            <a:off x="5698031" y="2939148"/>
            <a:ext cx="1372240" cy="15375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Straight Connector 206"/>
          <p:cNvCxnSpPr>
            <a:endCxn id="115" idx="6"/>
          </p:cNvCxnSpPr>
          <p:nvPr/>
        </p:nvCxnSpPr>
        <p:spPr>
          <a:xfrm flipH="1" flipV="1">
            <a:off x="4676443" y="2603772"/>
            <a:ext cx="2388391" cy="18569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Oval 114"/>
          <p:cNvSpPr>
            <a:spLocks noChangeAspect="1"/>
          </p:cNvSpPr>
          <p:nvPr/>
        </p:nvSpPr>
        <p:spPr>
          <a:xfrm>
            <a:off x="4047958" y="2289532"/>
            <a:ext cx="628480" cy="62848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116" name="Group 115"/>
          <p:cNvGrpSpPr/>
          <p:nvPr/>
        </p:nvGrpSpPr>
        <p:grpSpPr>
          <a:xfrm>
            <a:off x="4206142" y="2471295"/>
            <a:ext cx="313141" cy="271113"/>
            <a:chOff x="3707904" y="2636912"/>
            <a:chExt cx="313141" cy="271113"/>
          </a:xfrm>
        </p:grpSpPr>
        <p:cxnSp>
          <p:nvCxnSpPr>
            <p:cNvPr id="117" name="Straight Connector 116"/>
            <p:cNvCxnSpPr/>
            <p:nvPr/>
          </p:nvCxnSpPr>
          <p:spPr>
            <a:xfrm flipH="1" flipV="1">
              <a:off x="3715397" y="2787602"/>
              <a:ext cx="61170" cy="100713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/>
            <p:nvPr/>
          </p:nvCxnSpPr>
          <p:spPr>
            <a:xfrm flipH="1">
              <a:off x="3715397" y="2644900"/>
              <a:ext cx="72974" cy="142702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>
              <a:off x="3776567" y="2888884"/>
              <a:ext cx="35988" cy="1350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 flipV="1">
              <a:off x="3811055" y="2798593"/>
              <a:ext cx="201323" cy="103799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3788371" y="2644900"/>
              <a:ext cx="209020" cy="8024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Straight Connector 121"/>
            <p:cNvCxnSpPr/>
            <p:nvPr/>
          </p:nvCxnSpPr>
          <p:spPr>
            <a:xfrm>
              <a:off x="3997391" y="2725140"/>
              <a:ext cx="16720" cy="7435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3" name="Oval 122"/>
            <p:cNvSpPr/>
            <p:nvPr/>
          </p:nvSpPr>
          <p:spPr>
            <a:xfrm>
              <a:off x="3804116" y="2891146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4" name="Oval 123"/>
            <p:cNvSpPr/>
            <p:nvPr/>
          </p:nvSpPr>
          <p:spPr>
            <a:xfrm>
              <a:off x="3768128" y="2879875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5" name="Oval 124"/>
            <p:cNvSpPr/>
            <p:nvPr/>
          </p:nvSpPr>
          <p:spPr>
            <a:xfrm>
              <a:off x="3707904" y="277966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6" name="Oval 125"/>
            <p:cNvSpPr/>
            <p:nvPr/>
          </p:nvSpPr>
          <p:spPr>
            <a:xfrm>
              <a:off x="3779932" y="2636912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7" name="Oval 126"/>
            <p:cNvSpPr/>
            <p:nvPr/>
          </p:nvSpPr>
          <p:spPr>
            <a:xfrm>
              <a:off x="3988872" y="271530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8" name="Oval 127"/>
            <p:cNvSpPr/>
            <p:nvPr/>
          </p:nvSpPr>
          <p:spPr>
            <a:xfrm>
              <a:off x="4004166" y="2791059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8" name="Oval 27"/>
          <p:cNvSpPr/>
          <p:nvPr/>
        </p:nvSpPr>
        <p:spPr>
          <a:xfrm>
            <a:off x="5590031" y="3038902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16" name="TextBox 215"/>
          <p:cNvSpPr txBox="1"/>
          <p:nvPr/>
        </p:nvSpPr>
        <p:spPr>
          <a:xfrm>
            <a:off x="1700849" y="5562555"/>
            <a:ext cx="3317694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 : 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cykel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Træk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sammen til en knude</a:t>
            </a:r>
            <a:endParaRPr lang="da-DK" b="1" dirty="0">
              <a:solidFill>
                <a:srgbClr val="00B050"/>
              </a:solidFill>
            </a:endParaRPr>
          </a:p>
        </p:txBody>
      </p:sp>
      <p:grpSp>
        <p:nvGrpSpPr>
          <p:cNvPr id="254" name="Group 253"/>
          <p:cNvGrpSpPr>
            <a:grpSpLocks noChangeAspect="1"/>
          </p:cNvGrpSpPr>
          <p:nvPr/>
        </p:nvGrpSpPr>
        <p:grpSpPr>
          <a:xfrm>
            <a:off x="3503712" y="3356997"/>
            <a:ext cx="5174798" cy="2408307"/>
            <a:chOff x="1626683" y="1556792"/>
            <a:chExt cx="6005961" cy="2795123"/>
          </a:xfrm>
        </p:grpSpPr>
        <p:sp>
          <p:nvSpPr>
            <p:cNvPr id="217" name="Freeform 216"/>
            <p:cNvSpPr/>
            <p:nvPr/>
          </p:nvSpPr>
          <p:spPr>
            <a:xfrm>
              <a:off x="3947155" y="2938073"/>
              <a:ext cx="360576" cy="318362"/>
            </a:xfrm>
            <a:custGeom>
              <a:avLst/>
              <a:gdLst>
                <a:gd name="connsiteX0" fmla="*/ 266700 w 266700"/>
                <a:gd name="connsiteY0" fmla="*/ 0 h 409575"/>
                <a:gd name="connsiteX1" fmla="*/ 0 w 266700"/>
                <a:gd name="connsiteY1" fmla="*/ 180975 h 409575"/>
                <a:gd name="connsiteX2" fmla="*/ 180975 w 266700"/>
                <a:gd name="connsiteY2" fmla="*/ 409575 h 409575"/>
                <a:gd name="connsiteX3" fmla="*/ 266700 w 266700"/>
                <a:gd name="connsiteY3" fmla="*/ 0 h 409575"/>
                <a:gd name="connsiteX0" fmla="*/ 266700 w 273909"/>
                <a:gd name="connsiteY0" fmla="*/ 6076 h 415651"/>
                <a:gd name="connsiteX1" fmla="*/ 0 w 273909"/>
                <a:gd name="connsiteY1" fmla="*/ 187051 h 415651"/>
                <a:gd name="connsiteX2" fmla="*/ 180975 w 273909"/>
                <a:gd name="connsiteY2" fmla="*/ 415651 h 415651"/>
                <a:gd name="connsiteX3" fmla="*/ 266700 w 273909"/>
                <a:gd name="connsiteY3" fmla="*/ 6076 h 415651"/>
                <a:gd name="connsiteX0" fmla="*/ 266700 w 273211"/>
                <a:gd name="connsiteY0" fmla="*/ 6076 h 418658"/>
                <a:gd name="connsiteX1" fmla="*/ 0 w 273211"/>
                <a:gd name="connsiteY1" fmla="*/ 187051 h 418658"/>
                <a:gd name="connsiteX2" fmla="*/ 180975 w 273211"/>
                <a:gd name="connsiteY2" fmla="*/ 415651 h 418658"/>
                <a:gd name="connsiteX3" fmla="*/ 266700 w 273211"/>
                <a:gd name="connsiteY3" fmla="*/ 6076 h 418658"/>
                <a:gd name="connsiteX0" fmla="*/ 271239 w 277750"/>
                <a:gd name="connsiteY0" fmla="*/ 5670 h 418252"/>
                <a:gd name="connsiteX1" fmla="*/ 4539 w 277750"/>
                <a:gd name="connsiteY1" fmla="*/ 186645 h 418252"/>
                <a:gd name="connsiteX2" fmla="*/ 185514 w 277750"/>
                <a:gd name="connsiteY2" fmla="*/ 415245 h 418252"/>
                <a:gd name="connsiteX3" fmla="*/ 271239 w 277750"/>
                <a:gd name="connsiteY3" fmla="*/ 5670 h 418252"/>
                <a:gd name="connsiteX0" fmla="*/ 271239 w 303848"/>
                <a:gd name="connsiteY0" fmla="*/ 5670 h 417655"/>
                <a:gd name="connsiteX1" fmla="*/ 4539 w 303848"/>
                <a:gd name="connsiteY1" fmla="*/ 186645 h 417655"/>
                <a:gd name="connsiteX2" fmla="*/ 185514 w 303848"/>
                <a:gd name="connsiteY2" fmla="*/ 415245 h 417655"/>
                <a:gd name="connsiteX3" fmla="*/ 271239 w 303848"/>
                <a:gd name="connsiteY3" fmla="*/ 5670 h 417655"/>
                <a:gd name="connsiteX0" fmla="*/ 270016 w 287682"/>
                <a:gd name="connsiteY0" fmla="*/ 4854 h 390771"/>
                <a:gd name="connsiteX1" fmla="*/ 3316 w 287682"/>
                <a:gd name="connsiteY1" fmla="*/ 185829 h 390771"/>
                <a:gd name="connsiteX2" fmla="*/ 150180 w 287682"/>
                <a:gd name="connsiteY2" fmla="*/ 388174 h 390771"/>
                <a:gd name="connsiteX3" fmla="*/ 270016 w 287682"/>
                <a:gd name="connsiteY3" fmla="*/ 4854 h 390771"/>
                <a:gd name="connsiteX0" fmla="*/ 185072 w 193797"/>
                <a:gd name="connsiteY0" fmla="*/ 5062 h 382890"/>
                <a:gd name="connsiteX1" fmla="*/ 237 w 193797"/>
                <a:gd name="connsiteY1" fmla="*/ 177285 h 382890"/>
                <a:gd name="connsiteX2" fmla="*/ 147101 w 193797"/>
                <a:gd name="connsiteY2" fmla="*/ 379630 h 382890"/>
                <a:gd name="connsiteX3" fmla="*/ 185072 w 193797"/>
                <a:gd name="connsiteY3" fmla="*/ 5062 h 382890"/>
                <a:gd name="connsiteX0" fmla="*/ 185072 w 232623"/>
                <a:gd name="connsiteY0" fmla="*/ 4503 h 382330"/>
                <a:gd name="connsiteX1" fmla="*/ 237 w 232623"/>
                <a:gd name="connsiteY1" fmla="*/ 176726 h 382330"/>
                <a:gd name="connsiteX2" fmla="*/ 147101 w 232623"/>
                <a:gd name="connsiteY2" fmla="*/ 379071 h 382330"/>
                <a:gd name="connsiteX3" fmla="*/ 185072 w 232623"/>
                <a:gd name="connsiteY3" fmla="*/ 4503 h 382330"/>
                <a:gd name="connsiteX0" fmla="*/ 185072 w 242494"/>
                <a:gd name="connsiteY0" fmla="*/ 17687 h 395514"/>
                <a:gd name="connsiteX1" fmla="*/ 237 w 242494"/>
                <a:gd name="connsiteY1" fmla="*/ 189910 h 395514"/>
                <a:gd name="connsiteX2" fmla="*/ 147101 w 242494"/>
                <a:gd name="connsiteY2" fmla="*/ 392255 h 395514"/>
                <a:gd name="connsiteX3" fmla="*/ 185072 w 242494"/>
                <a:gd name="connsiteY3" fmla="*/ 17687 h 395514"/>
                <a:gd name="connsiteX0" fmla="*/ 185080 w 262695"/>
                <a:gd name="connsiteY0" fmla="*/ 17687 h 394424"/>
                <a:gd name="connsiteX1" fmla="*/ 245 w 262695"/>
                <a:gd name="connsiteY1" fmla="*/ 189910 h 394424"/>
                <a:gd name="connsiteX2" fmla="*/ 147109 w 262695"/>
                <a:gd name="connsiteY2" fmla="*/ 392255 h 394424"/>
                <a:gd name="connsiteX3" fmla="*/ 185080 w 262695"/>
                <a:gd name="connsiteY3" fmla="*/ 17687 h 394424"/>
                <a:gd name="connsiteX0" fmla="*/ 184994 w 221675"/>
                <a:gd name="connsiteY0" fmla="*/ 1746 h 292434"/>
                <a:gd name="connsiteX1" fmla="*/ 159 w 221675"/>
                <a:gd name="connsiteY1" fmla="*/ 173969 h 292434"/>
                <a:gd name="connsiteX2" fmla="*/ 153845 w 221675"/>
                <a:gd name="connsiteY2" fmla="*/ 288798 h 292434"/>
                <a:gd name="connsiteX3" fmla="*/ 184994 w 221675"/>
                <a:gd name="connsiteY3" fmla="*/ 1746 h 292434"/>
                <a:gd name="connsiteX0" fmla="*/ 184994 w 223366"/>
                <a:gd name="connsiteY0" fmla="*/ 296 h 290984"/>
                <a:gd name="connsiteX1" fmla="*/ 159 w 223366"/>
                <a:gd name="connsiteY1" fmla="*/ 172519 h 290984"/>
                <a:gd name="connsiteX2" fmla="*/ 153845 w 223366"/>
                <a:gd name="connsiteY2" fmla="*/ 287348 h 290984"/>
                <a:gd name="connsiteX3" fmla="*/ 184994 w 223366"/>
                <a:gd name="connsiteY3" fmla="*/ 296 h 290984"/>
                <a:gd name="connsiteX0" fmla="*/ 184994 w 258256"/>
                <a:gd name="connsiteY0" fmla="*/ 1822 h 292510"/>
                <a:gd name="connsiteX1" fmla="*/ 159 w 258256"/>
                <a:gd name="connsiteY1" fmla="*/ 174045 h 292510"/>
                <a:gd name="connsiteX2" fmla="*/ 153845 w 258256"/>
                <a:gd name="connsiteY2" fmla="*/ 288874 h 292510"/>
                <a:gd name="connsiteX3" fmla="*/ 184994 w 258256"/>
                <a:gd name="connsiteY3" fmla="*/ 1822 h 2925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8256" h="292510">
                  <a:moveTo>
                    <a:pt x="184994" y="1822"/>
                  </a:moveTo>
                  <a:cubicBezTo>
                    <a:pt x="45165" y="-17786"/>
                    <a:pt x="5351" y="126203"/>
                    <a:pt x="159" y="174045"/>
                  </a:cubicBezTo>
                  <a:cubicBezTo>
                    <a:pt x="-5033" y="221887"/>
                    <a:pt x="118431" y="311650"/>
                    <a:pt x="153845" y="288874"/>
                  </a:cubicBezTo>
                  <a:cubicBezTo>
                    <a:pt x="266516" y="216412"/>
                    <a:pt x="304199" y="18538"/>
                    <a:pt x="184994" y="1822"/>
                  </a:cubicBezTo>
                  <a:close/>
                </a:path>
              </a:pathLst>
            </a:custGeom>
            <a:solidFill>
              <a:schemeClr val="accent6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8" name="Freeform 217"/>
            <p:cNvSpPr/>
            <p:nvPr/>
          </p:nvSpPr>
          <p:spPr>
            <a:xfrm>
              <a:off x="4344971" y="1556792"/>
              <a:ext cx="3287673" cy="2795123"/>
            </a:xfrm>
            <a:custGeom>
              <a:avLst/>
              <a:gdLst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86947 h 2420547"/>
                <a:gd name="connsiteX1" fmla="*/ 400050 w 2647950"/>
                <a:gd name="connsiteY1" fmla="*/ 96447 h 2420547"/>
                <a:gd name="connsiteX2" fmla="*/ 0 w 2647950"/>
                <a:gd name="connsiteY2" fmla="*/ 1506147 h 2420547"/>
                <a:gd name="connsiteX3" fmla="*/ 1304925 w 2647950"/>
                <a:gd name="connsiteY3" fmla="*/ 2420547 h 2420547"/>
                <a:gd name="connsiteX4" fmla="*/ 2028825 w 2647950"/>
                <a:gd name="connsiteY4" fmla="*/ 1906197 h 2420547"/>
                <a:gd name="connsiteX5" fmla="*/ 2647950 w 2647950"/>
                <a:gd name="connsiteY5" fmla="*/ 1096572 h 2420547"/>
                <a:gd name="connsiteX6" fmla="*/ 1981200 w 2647950"/>
                <a:gd name="connsiteY6" fmla="*/ 325047 h 2420547"/>
                <a:gd name="connsiteX7" fmla="*/ 1304925 w 2647950"/>
                <a:gd name="connsiteY7" fmla="*/ 286947 h 2420547"/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52805 h 2386405"/>
                <a:gd name="connsiteX1" fmla="*/ 400050 w 2647950"/>
                <a:gd name="connsiteY1" fmla="*/ 62305 h 2386405"/>
                <a:gd name="connsiteX2" fmla="*/ 0 w 2647950"/>
                <a:gd name="connsiteY2" fmla="*/ 1472005 h 2386405"/>
                <a:gd name="connsiteX3" fmla="*/ 1304925 w 2647950"/>
                <a:gd name="connsiteY3" fmla="*/ 2386405 h 2386405"/>
                <a:gd name="connsiteX4" fmla="*/ 2028825 w 2647950"/>
                <a:gd name="connsiteY4" fmla="*/ 1872055 h 2386405"/>
                <a:gd name="connsiteX5" fmla="*/ 2647950 w 2647950"/>
                <a:gd name="connsiteY5" fmla="*/ 1062430 h 2386405"/>
                <a:gd name="connsiteX6" fmla="*/ 1981200 w 2647950"/>
                <a:gd name="connsiteY6" fmla="*/ 290905 h 2386405"/>
                <a:gd name="connsiteX7" fmla="*/ 1304925 w 2647950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04925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14450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14450 w 2657590"/>
                <a:gd name="connsiteY0" fmla="*/ 252805 h 2394505"/>
                <a:gd name="connsiteX1" fmla="*/ 409575 w 2657590"/>
                <a:gd name="connsiteY1" fmla="*/ 62305 h 2394505"/>
                <a:gd name="connsiteX2" fmla="*/ 0 w 2657590"/>
                <a:gd name="connsiteY2" fmla="*/ 1472005 h 2394505"/>
                <a:gd name="connsiteX3" fmla="*/ 1323975 w 2657590"/>
                <a:gd name="connsiteY3" fmla="*/ 2386405 h 2394505"/>
                <a:gd name="connsiteX4" fmla="*/ 2038350 w 2657590"/>
                <a:gd name="connsiteY4" fmla="*/ 1872055 h 2394505"/>
                <a:gd name="connsiteX5" fmla="*/ 2657475 w 2657590"/>
                <a:gd name="connsiteY5" fmla="*/ 1062430 h 2394505"/>
                <a:gd name="connsiteX6" fmla="*/ 1990725 w 2657590"/>
                <a:gd name="connsiteY6" fmla="*/ 290905 h 2394505"/>
                <a:gd name="connsiteX7" fmla="*/ 1314450 w 2657590"/>
                <a:gd name="connsiteY7" fmla="*/ 252805 h 2394505"/>
                <a:gd name="connsiteX0" fmla="*/ 1361842 w 2704982"/>
                <a:gd name="connsiteY0" fmla="*/ 252805 h 2394505"/>
                <a:gd name="connsiteX1" fmla="*/ 456967 w 2704982"/>
                <a:gd name="connsiteY1" fmla="*/ 62305 h 2394505"/>
                <a:gd name="connsiteX2" fmla="*/ 47392 w 2704982"/>
                <a:gd name="connsiteY2" fmla="*/ 1472005 h 2394505"/>
                <a:gd name="connsiteX3" fmla="*/ 1371367 w 2704982"/>
                <a:gd name="connsiteY3" fmla="*/ 2386405 h 2394505"/>
                <a:gd name="connsiteX4" fmla="*/ 2085742 w 2704982"/>
                <a:gd name="connsiteY4" fmla="*/ 1872055 h 2394505"/>
                <a:gd name="connsiteX5" fmla="*/ 2704867 w 2704982"/>
                <a:gd name="connsiteY5" fmla="*/ 1062430 h 2394505"/>
                <a:gd name="connsiteX6" fmla="*/ 2038117 w 2704982"/>
                <a:gd name="connsiteY6" fmla="*/ 290905 h 2394505"/>
                <a:gd name="connsiteX7" fmla="*/ 1361842 w 2704982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8480"/>
                <a:gd name="connsiteY0" fmla="*/ 256977 h 2398677"/>
                <a:gd name="connsiteX1" fmla="*/ 424961 w 2678480"/>
                <a:gd name="connsiteY1" fmla="*/ 66477 h 2398677"/>
                <a:gd name="connsiteX2" fmla="*/ 15386 w 2678480"/>
                <a:gd name="connsiteY2" fmla="*/ 1476177 h 2398677"/>
                <a:gd name="connsiteX3" fmla="*/ 1339361 w 2678480"/>
                <a:gd name="connsiteY3" fmla="*/ 2390577 h 2398677"/>
                <a:gd name="connsiteX4" fmla="*/ 2053736 w 2678480"/>
                <a:gd name="connsiteY4" fmla="*/ 1876227 h 2398677"/>
                <a:gd name="connsiteX5" fmla="*/ 2672861 w 2678480"/>
                <a:gd name="connsiteY5" fmla="*/ 1066602 h 2398677"/>
                <a:gd name="connsiteX6" fmla="*/ 1863236 w 2678480"/>
                <a:gd name="connsiteY6" fmla="*/ 504628 h 2398677"/>
                <a:gd name="connsiteX7" fmla="*/ 1329836 w 2678480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267"/>
                <a:gd name="connsiteY0" fmla="*/ 270771 h 2412471"/>
                <a:gd name="connsiteX1" fmla="*/ 424961 w 2674267"/>
                <a:gd name="connsiteY1" fmla="*/ 80271 h 2412471"/>
                <a:gd name="connsiteX2" fmla="*/ 15386 w 2674267"/>
                <a:gd name="connsiteY2" fmla="*/ 1489971 h 2412471"/>
                <a:gd name="connsiteX3" fmla="*/ 1339361 w 2674267"/>
                <a:gd name="connsiteY3" fmla="*/ 2404371 h 2412471"/>
                <a:gd name="connsiteX4" fmla="*/ 2053736 w 2674267"/>
                <a:gd name="connsiteY4" fmla="*/ 1890021 h 2412471"/>
                <a:gd name="connsiteX5" fmla="*/ 2672861 w 2674267"/>
                <a:gd name="connsiteY5" fmla="*/ 1080396 h 2412471"/>
                <a:gd name="connsiteX6" fmla="*/ 1329836 w 2674267"/>
                <a:gd name="connsiteY6" fmla="*/ 270771 h 2412471"/>
                <a:gd name="connsiteX0" fmla="*/ 1331412 w 2675843"/>
                <a:gd name="connsiteY0" fmla="*/ 316695 h 2458395"/>
                <a:gd name="connsiteX1" fmla="*/ 426537 w 2675843"/>
                <a:gd name="connsiteY1" fmla="*/ 126195 h 2458395"/>
                <a:gd name="connsiteX2" fmla="*/ 16962 w 2675843"/>
                <a:gd name="connsiteY2" fmla="*/ 1535895 h 2458395"/>
                <a:gd name="connsiteX3" fmla="*/ 1340937 w 2675843"/>
                <a:gd name="connsiteY3" fmla="*/ 2450295 h 2458395"/>
                <a:gd name="connsiteX4" fmla="*/ 2055312 w 2675843"/>
                <a:gd name="connsiteY4" fmla="*/ 1935945 h 2458395"/>
                <a:gd name="connsiteX5" fmla="*/ 2674437 w 2675843"/>
                <a:gd name="connsiteY5" fmla="*/ 1126320 h 2458395"/>
                <a:gd name="connsiteX6" fmla="*/ 1331412 w 2675843"/>
                <a:gd name="connsiteY6" fmla="*/ 316695 h 2458395"/>
                <a:gd name="connsiteX0" fmla="*/ 1331412 w 2679396"/>
                <a:gd name="connsiteY0" fmla="*/ 316695 h 2456114"/>
                <a:gd name="connsiteX1" fmla="*/ 426537 w 2679396"/>
                <a:gd name="connsiteY1" fmla="*/ 126195 h 2456114"/>
                <a:gd name="connsiteX2" fmla="*/ 16962 w 2679396"/>
                <a:gd name="connsiteY2" fmla="*/ 1535895 h 2456114"/>
                <a:gd name="connsiteX3" fmla="*/ 1340937 w 2679396"/>
                <a:gd name="connsiteY3" fmla="*/ 2450295 h 2456114"/>
                <a:gd name="connsiteX4" fmla="*/ 1769562 w 2679396"/>
                <a:gd name="connsiteY4" fmla="*/ 1888320 h 2456114"/>
                <a:gd name="connsiteX5" fmla="*/ 2674437 w 2679396"/>
                <a:gd name="connsiteY5" fmla="*/ 1126320 h 2456114"/>
                <a:gd name="connsiteX6" fmla="*/ 1331412 w 2679396"/>
                <a:gd name="connsiteY6" fmla="*/ 316695 h 2456114"/>
                <a:gd name="connsiteX0" fmla="*/ 1339284 w 2687268"/>
                <a:gd name="connsiteY0" fmla="*/ 316695 h 2260648"/>
                <a:gd name="connsiteX1" fmla="*/ 434409 w 2687268"/>
                <a:gd name="connsiteY1" fmla="*/ 126195 h 2260648"/>
                <a:gd name="connsiteX2" fmla="*/ 24834 w 2687268"/>
                <a:gd name="connsiteY2" fmla="*/ 1535895 h 2260648"/>
                <a:gd name="connsiteX3" fmla="*/ 1082109 w 2687268"/>
                <a:gd name="connsiteY3" fmla="*/ 2250270 h 2260648"/>
                <a:gd name="connsiteX4" fmla="*/ 1777434 w 2687268"/>
                <a:gd name="connsiteY4" fmla="*/ 1888320 h 2260648"/>
                <a:gd name="connsiteX5" fmla="*/ 2682309 w 2687268"/>
                <a:gd name="connsiteY5" fmla="*/ 1126320 h 2260648"/>
                <a:gd name="connsiteX6" fmla="*/ 1339284 w 2687268"/>
                <a:gd name="connsiteY6" fmla="*/ 316695 h 2260648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9301"/>
                <a:gd name="connsiteY0" fmla="*/ 316695 h 2255096"/>
                <a:gd name="connsiteX1" fmla="*/ 434409 w 2689301"/>
                <a:gd name="connsiteY1" fmla="*/ 126195 h 2255096"/>
                <a:gd name="connsiteX2" fmla="*/ 24834 w 2689301"/>
                <a:gd name="connsiteY2" fmla="*/ 1535895 h 2255096"/>
                <a:gd name="connsiteX3" fmla="*/ 1082109 w 2689301"/>
                <a:gd name="connsiteY3" fmla="*/ 2250270 h 2255096"/>
                <a:gd name="connsiteX4" fmla="*/ 1844109 w 2689301"/>
                <a:gd name="connsiteY4" fmla="*/ 1802595 h 2255096"/>
                <a:gd name="connsiteX5" fmla="*/ 2682309 w 2689301"/>
                <a:gd name="connsiteY5" fmla="*/ 1126320 h 2255096"/>
                <a:gd name="connsiteX6" fmla="*/ 1339284 w 2689301"/>
                <a:gd name="connsiteY6" fmla="*/ 316695 h 2255096"/>
                <a:gd name="connsiteX0" fmla="*/ 1339284 w 2454328"/>
                <a:gd name="connsiteY0" fmla="*/ 312132 h 2250533"/>
                <a:gd name="connsiteX1" fmla="*/ 434409 w 2454328"/>
                <a:gd name="connsiteY1" fmla="*/ 121632 h 2250533"/>
                <a:gd name="connsiteX2" fmla="*/ 24834 w 2454328"/>
                <a:gd name="connsiteY2" fmla="*/ 1531332 h 2250533"/>
                <a:gd name="connsiteX3" fmla="*/ 1082109 w 2454328"/>
                <a:gd name="connsiteY3" fmla="*/ 2245707 h 2250533"/>
                <a:gd name="connsiteX4" fmla="*/ 1844109 w 2454328"/>
                <a:gd name="connsiteY4" fmla="*/ 1798032 h 2250533"/>
                <a:gd name="connsiteX5" fmla="*/ 2444184 w 2454328"/>
                <a:gd name="connsiteY5" fmla="*/ 969357 h 2250533"/>
                <a:gd name="connsiteX6" fmla="*/ 1339284 w 2454328"/>
                <a:gd name="connsiteY6" fmla="*/ 312132 h 2250533"/>
                <a:gd name="connsiteX0" fmla="*/ 1339284 w 2444186"/>
                <a:gd name="connsiteY0" fmla="*/ 312132 h 2250533"/>
                <a:gd name="connsiteX1" fmla="*/ 434409 w 2444186"/>
                <a:gd name="connsiteY1" fmla="*/ 121632 h 2250533"/>
                <a:gd name="connsiteX2" fmla="*/ 24834 w 2444186"/>
                <a:gd name="connsiteY2" fmla="*/ 1531332 h 2250533"/>
                <a:gd name="connsiteX3" fmla="*/ 1082109 w 2444186"/>
                <a:gd name="connsiteY3" fmla="*/ 2245707 h 2250533"/>
                <a:gd name="connsiteX4" fmla="*/ 1844109 w 2444186"/>
                <a:gd name="connsiteY4" fmla="*/ 1798032 h 2250533"/>
                <a:gd name="connsiteX5" fmla="*/ 2444184 w 2444186"/>
                <a:gd name="connsiteY5" fmla="*/ 969357 h 2250533"/>
                <a:gd name="connsiteX6" fmla="*/ 1339284 w 2444186"/>
                <a:gd name="connsiteY6" fmla="*/ 312132 h 2250533"/>
                <a:gd name="connsiteX0" fmla="*/ 1339284 w 2434661"/>
                <a:gd name="connsiteY0" fmla="*/ 316110 h 2254511"/>
                <a:gd name="connsiteX1" fmla="*/ 434409 w 2434661"/>
                <a:gd name="connsiteY1" fmla="*/ 125610 h 2254511"/>
                <a:gd name="connsiteX2" fmla="*/ 24834 w 2434661"/>
                <a:gd name="connsiteY2" fmla="*/ 1535310 h 2254511"/>
                <a:gd name="connsiteX3" fmla="*/ 1082109 w 2434661"/>
                <a:gd name="connsiteY3" fmla="*/ 2249685 h 2254511"/>
                <a:gd name="connsiteX4" fmla="*/ 1844109 w 2434661"/>
                <a:gd name="connsiteY4" fmla="*/ 1802010 h 2254511"/>
                <a:gd name="connsiteX5" fmla="*/ 2434659 w 2434661"/>
                <a:gd name="connsiteY5" fmla="*/ 1106685 h 2254511"/>
                <a:gd name="connsiteX6" fmla="*/ 1339284 w 2434661"/>
                <a:gd name="connsiteY6" fmla="*/ 316110 h 2254511"/>
                <a:gd name="connsiteX0" fmla="*/ 2021470 w 2444782"/>
                <a:gd name="connsiteY0" fmla="*/ 481993 h 2163219"/>
                <a:gd name="connsiteX1" fmla="*/ 440320 w 2444782"/>
                <a:gd name="connsiteY1" fmla="*/ 34318 h 2163219"/>
                <a:gd name="connsiteX2" fmla="*/ 30745 w 2444782"/>
                <a:gd name="connsiteY2" fmla="*/ 1444018 h 2163219"/>
                <a:gd name="connsiteX3" fmla="*/ 1088020 w 2444782"/>
                <a:gd name="connsiteY3" fmla="*/ 2158393 h 2163219"/>
                <a:gd name="connsiteX4" fmla="*/ 1850020 w 2444782"/>
                <a:gd name="connsiteY4" fmla="*/ 1710718 h 2163219"/>
                <a:gd name="connsiteX5" fmla="*/ 2440570 w 2444782"/>
                <a:gd name="connsiteY5" fmla="*/ 1015393 h 2163219"/>
                <a:gd name="connsiteX6" fmla="*/ 2021470 w 2444782"/>
                <a:gd name="connsiteY6" fmla="*/ 481993 h 2163219"/>
                <a:gd name="connsiteX0" fmla="*/ 2021470 w 2851423"/>
                <a:gd name="connsiteY0" fmla="*/ 483099 h 2164325"/>
                <a:gd name="connsiteX1" fmla="*/ 440320 w 2851423"/>
                <a:gd name="connsiteY1" fmla="*/ 35424 h 2164325"/>
                <a:gd name="connsiteX2" fmla="*/ 30745 w 2851423"/>
                <a:gd name="connsiteY2" fmla="*/ 1445124 h 2164325"/>
                <a:gd name="connsiteX3" fmla="*/ 1088020 w 2851423"/>
                <a:gd name="connsiteY3" fmla="*/ 2159499 h 2164325"/>
                <a:gd name="connsiteX4" fmla="*/ 1850020 w 2851423"/>
                <a:gd name="connsiteY4" fmla="*/ 1711824 h 2164325"/>
                <a:gd name="connsiteX5" fmla="*/ 2850145 w 2851423"/>
                <a:gd name="connsiteY5" fmla="*/ 1130799 h 2164325"/>
                <a:gd name="connsiteX6" fmla="*/ 2021470 w 2851423"/>
                <a:gd name="connsiteY6" fmla="*/ 483099 h 2164325"/>
                <a:gd name="connsiteX0" fmla="*/ 2021470 w 2851423"/>
                <a:gd name="connsiteY0" fmla="*/ 483099 h 2377192"/>
                <a:gd name="connsiteX1" fmla="*/ 440320 w 2851423"/>
                <a:gd name="connsiteY1" fmla="*/ 35424 h 2377192"/>
                <a:gd name="connsiteX2" fmla="*/ 30745 w 2851423"/>
                <a:gd name="connsiteY2" fmla="*/ 1445124 h 2377192"/>
                <a:gd name="connsiteX3" fmla="*/ 1088020 w 2851423"/>
                <a:gd name="connsiteY3" fmla="*/ 2159499 h 2377192"/>
                <a:gd name="connsiteX4" fmla="*/ 1886477 w 2851423"/>
                <a:gd name="connsiteY4" fmla="*/ 2354167 h 2377192"/>
                <a:gd name="connsiteX5" fmla="*/ 1850020 w 2851423"/>
                <a:gd name="connsiteY5" fmla="*/ 1711824 h 2377192"/>
                <a:gd name="connsiteX6" fmla="*/ 2850145 w 2851423"/>
                <a:gd name="connsiteY6" fmla="*/ 1130799 h 2377192"/>
                <a:gd name="connsiteX7" fmla="*/ 2021470 w 2851423"/>
                <a:gd name="connsiteY7" fmla="*/ 483099 h 2377192"/>
                <a:gd name="connsiteX0" fmla="*/ 2021470 w 2854723"/>
                <a:gd name="connsiteY0" fmla="*/ 483099 h 2377192"/>
                <a:gd name="connsiteX1" fmla="*/ 440320 w 2854723"/>
                <a:gd name="connsiteY1" fmla="*/ 35424 h 2377192"/>
                <a:gd name="connsiteX2" fmla="*/ 30745 w 2854723"/>
                <a:gd name="connsiteY2" fmla="*/ 1445124 h 2377192"/>
                <a:gd name="connsiteX3" fmla="*/ 1088020 w 2854723"/>
                <a:gd name="connsiteY3" fmla="*/ 2159499 h 2377192"/>
                <a:gd name="connsiteX4" fmla="*/ 1886477 w 2854723"/>
                <a:gd name="connsiteY4" fmla="*/ 2354167 h 2377192"/>
                <a:gd name="connsiteX5" fmla="*/ 2316745 w 2854723"/>
                <a:gd name="connsiteY5" fmla="*/ 1949949 h 2377192"/>
                <a:gd name="connsiteX6" fmla="*/ 2850145 w 2854723"/>
                <a:gd name="connsiteY6" fmla="*/ 1130799 h 2377192"/>
                <a:gd name="connsiteX7" fmla="*/ 2021470 w 2854723"/>
                <a:gd name="connsiteY7" fmla="*/ 483099 h 2377192"/>
                <a:gd name="connsiteX0" fmla="*/ 2021470 w 2854723"/>
                <a:gd name="connsiteY0" fmla="*/ 483099 h 2377192"/>
                <a:gd name="connsiteX1" fmla="*/ 440320 w 2854723"/>
                <a:gd name="connsiteY1" fmla="*/ 35424 h 2377192"/>
                <a:gd name="connsiteX2" fmla="*/ 30745 w 2854723"/>
                <a:gd name="connsiteY2" fmla="*/ 1445124 h 2377192"/>
                <a:gd name="connsiteX3" fmla="*/ 1088020 w 2854723"/>
                <a:gd name="connsiteY3" fmla="*/ 2159499 h 2377192"/>
                <a:gd name="connsiteX4" fmla="*/ 1886477 w 2854723"/>
                <a:gd name="connsiteY4" fmla="*/ 2354167 h 2377192"/>
                <a:gd name="connsiteX5" fmla="*/ 2316745 w 2854723"/>
                <a:gd name="connsiteY5" fmla="*/ 1949949 h 2377192"/>
                <a:gd name="connsiteX6" fmla="*/ 2850145 w 2854723"/>
                <a:gd name="connsiteY6" fmla="*/ 1130799 h 2377192"/>
                <a:gd name="connsiteX7" fmla="*/ 2021470 w 2854723"/>
                <a:gd name="connsiteY7" fmla="*/ 483099 h 2377192"/>
                <a:gd name="connsiteX0" fmla="*/ 2021470 w 2850956"/>
                <a:gd name="connsiteY0" fmla="*/ 483099 h 2417502"/>
                <a:gd name="connsiteX1" fmla="*/ 440320 w 2850956"/>
                <a:gd name="connsiteY1" fmla="*/ 35424 h 2417502"/>
                <a:gd name="connsiteX2" fmla="*/ 30745 w 2850956"/>
                <a:gd name="connsiteY2" fmla="*/ 1445124 h 2417502"/>
                <a:gd name="connsiteX3" fmla="*/ 1088020 w 2850956"/>
                <a:gd name="connsiteY3" fmla="*/ 2159499 h 2417502"/>
                <a:gd name="connsiteX4" fmla="*/ 1886477 w 2850956"/>
                <a:gd name="connsiteY4" fmla="*/ 2354167 h 2417502"/>
                <a:gd name="connsiteX5" fmla="*/ 2850145 w 2850956"/>
                <a:gd name="connsiteY5" fmla="*/ 1130799 h 2417502"/>
                <a:gd name="connsiteX6" fmla="*/ 2021470 w 2850956"/>
                <a:gd name="connsiteY6" fmla="*/ 483099 h 2417502"/>
                <a:gd name="connsiteX0" fmla="*/ 1961328 w 2790814"/>
                <a:gd name="connsiteY0" fmla="*/ 501765 h 2428739"/>
                <a:gd name="connsiteX1" fmla="*/ 380178 w 2790814"/>
                <a:gd name="connsiteY1" fmla="*/ 54090 h 2428739"/>
                <a:gd name="connsiteX2" fmla="*/ 37278 w 2790814"/>
                <a:gd name="connsiteY2" fmla="*/ 1787640 h 2428739"/>
                <a:gd name="connsiteX3" fmla="*/ 1027878 w 2790814"/>
                <a:gd name="connsiteY3" fmla="*/ 2178165 h 2428739"/>
                <a:gd name="connsiteX4" fmla="*/ 1826335 w 2790814"/>
                <a:gd name="connsiteY4" fmla="*/ 2372833 h 2428739"/>
                <a:gd name="connsiteX5" fmla="*/ 2790003 w 2790814"/>
                <a:gd name="connsiteY5" fmla="*/ 1149465 h 2428739"/>
                <a:gd name="connsiteX6" fmla="*/ 1961328 w 2790814"/>
                <a:gd name="connsiteY6" fmla="*/ 501765 h 2428739"/>
                <a:gd name="connsiteX0" fmla="*/ 1931534 w 2760950"/>
                <a:gd name="connsiteY0" fmla="*/ 864872 h 2791846"/>
                <a:gd name="connsiteX1" fmla="*/ 617084 w 2760950"/>
                <a:gd name="connsiteY1" fmla="*/ 36197 h 2791846"/>
                <a:gd name="connsiteX2" fmla="*/ 7484 w 2760950"/>
                <a:gd name="connsiteY2" fmla="*/ 2150747 h 2791846"/>
                <a:gd name="connsiteX3" fmla="*/ 998084 w 2760950"/>
                <a:gd name="connsiteY3" fmla="*/ 2541272 h 2791846"/>
                <a:gd name="connsiteX4" fmla="*/ 1796541 w 2760950"/>
                <a:gd name="connsiteY4" fmla="*/ 2735940 h 2791846"/>
                <a:gd name="connsiteX5" fmla="*/ 2760209 w 2760950"/>
                <a:gd name="connsiteY5" fmla="*/ 1512572 h 2791846"/>
                <a:gd name="connsiteX6" fmla="*/ 1931534 w 2760950"/>
                <a:gd name="connsiteY6" fmla="*/ 864872 h 2791846"/>
                <a:gd name="connsiteX0" fmla="*/ 1967480 w 2796896"/>
                <a:gd name="connsiteY0" fmla="*/ 873717 h 2800691"/>
                <a:gd name="connsiteX1" fmla="*/ 653030 w 2796896"/>
                <a:gd name="connsiteY1" fmla="*/ 45042 h 2800691"/>
                <a:gd name="connsiteX2" fmla="*/ 43430 w 2796896"/>
                <a:gd name="connsiteY2" fmla="*/ 2159592 h 2800691"/>
                <a:gd name="connsiteX3" fmla="*/ 1034030 w 2796896"/>
                <a:gd name="connsiteY3" fmla="*/ 2550117 h 2800691"/>
                <a:gd name="connsiteX4" fmla="*/ 1832487 w 2796896"/>
                <a:gd name="connsiteY4" fmla="*/ 2744785 h 2800691"/>
                <a:gd name="connsiteX5" fmla="*/ 2796155 w 2796896"/>
                <a:gd name="connsiteY5" fmla="*/ 1521417 h 2800691"/>
                <a:gd name="connsiteX6" fmla="*/ 1967480 w 2796896"/>
                <a:gd name="connsiteY6" fmla="*/ 873717 h 2800691"/>
                <a:gd name="connsiteX0" fmla="*/ 2021372 w 2850788"/>
                <a:gd name="connsiteY0" fmla="*/ 876502 h 2803476"/>
                <a:gd name="connsiteX1" fmla="*/ 706922 w 2850788"/>
                <a:gd name="connsiteY1" fmla="*/ 47827 h 2803476"/>
                <a:gd name="connsiteX2" fmla="*/ 97322 w 2850788"/>
                <a:gd name="connsiteY2" fmla="*/ 2162377 h 2803476"/>
                <a:gd name="connsiteX3" fmla="*/ 1087922 w 2850788"/>
                <a:gd name="connsiteY3" fmla="*/ 2552902 h 2803476"/>
                <a:gd name="connsiteX4" fmla="*/ 1886379 w 2850788"/>
                <a:gd name="connsiteY4" fmla="*/ 2747570 h 2803476"/>
                <a:gd name="connsiteX5" fmla="*/ 2850047 w 2850788"/>
                <a:gd name="connsiteY5" fmla="*/ 1524202 h 2803476"/>
                <a:gd name="connsiteX6" fmla="*/ 2021372 w 2850788"/>
                <a:gd name="connsiteY6" fmla="*/ 876502 h 2803476"/>
                <a:gd name="connsiteX0" fmla="*/ 2027861 w 2857277"/>
                <a:gd name="connsiteY0" fmla="*/ 831042 h 2758016"/>
                <a:gd name="connsiteX1" fmla="*/ 713411 w 2857277"/>
                <a:gd name="connsiteY1" fmla="*/ 2367 h 2758016"/>
                <a:gd name="connsiteX2" fmla="*/ 103811 w 2857277"/>
                <a:gd name="connsiteY2" fmla="*/ 2116917 h 2758016"/>
                <a:gd name="connsiteX3" fmla="*/ 1094411 w 2857277"/>
                <a:gd name="connsiteY3" fmla="*/ 2507442 h 2758016"/>
                <a:gd name="connsiteX4" fmla="*/ 1892868 w 2857277"/>
                <a:gd name="connsiteY4" fmla="*/ 2702110 h 2758016"/>
                <a:gd name="connsiteX5" fmla="*/ 2856536 w 2857277"/>
                <a:gd name="connsiteY5" fmla="*/ 1478742 h 2758016"/>
                <a:gd name="connsiteX6" fmla="*/ 2027861 w 2857277"/>
                <a:gd name="connsiteY6" fmla="*/ 831042 h 2758016"/>
                <a:gd name="connsiteX0" fmla="*/ 1797812 w 2759837"/>
                <a:gd name="connsiteY0" fmla="*/ 710396 h 2808820"/>
                <a:gd name="connsiteX1" fmla="*/ 616712 w 2759837"/>
                <a:gd name="connsiteY1" fmla="*/ 53171 h 2808820"/>
                <a:gd name="connsiteX2" fmla="*/ 7112 w 2759837"/>
                <a:gd name="connsiteY2" fmla="*/ 2167721 h 2808820"/>
                <a:gd name="connsiteX3" fmla="*/ 997712 w 2759837"/>
                <a:gd name="connsiteY3" fmla="*/ 2558246 h 2808820"/>
                <a:gd name="connsiteX4" fmla="*/ 1796169 w 2759837"/>
                <a:gd name="connsiteY4" fmla="*/ 2752914 h 2808820"/>
                <a:gd name="connsiteX5" fmla="*/ 2759837 w 2759837"/>
                <a:gd name="connsiteY5" fmla="*/ 1529546 h 2808820"/>
                <a:gd name="connsiteX6" fmla="*/ 1797812 w 2759837"/>
                <a:gd name="connsiteY6" fmla="*/ 710396 h 2808820"/>
                <a:gd name="connsiteX0" fmla="*/ 1799231 w 2761256"/>
                <a:gd name="connsiteY0" fmla="*/ 684278 h 2782702"/>
                <a:gd name="connsiteX1" fmla="*/ 618131 w 2761256"/>
                <a:gd name="connsiteY1" fmla="*/ 27053 h 2782702"/>
                <a:gd name="connsiteX2" fmla="*/ 8531 w 2761256"/>
                <a:gd name="connsiteY2" fmla="*/ 2141603 h 2782702"/>
                <a:gd name="connsiteX3" fmla="*/ 999131 w 2761256"/>
                <a:gd name="connsiteY3" fmla="*/ 2532128 h 2782702"/>
                <a:gd name="connsiteX4" fmla="*/ 1797588 w 2761256"/>
                <a:gd name="connsiteY4" fmla="*/ 2726796 h 2782702"/>
                <a:gd name="connsiteX5" fmla="*/ 2761256 w 2761256"/>
                <a:gd name="connsiteY5" fmla="*/ 1503428 h 2782702"/>
                <a:gd name="connsiteX6" fmla="*/ 1799231 w 2761256"/>
                <a:gd name="connsiteY6" fmla="*/ 684278 h 2782702"/>
                <a:gd name="connsiteX0" fmla="*/ 1799231 w 2827931"/>
                <a:gd name="connsiteY0" fmla="*/ 683986 h 2782410"/>
                <a:gd name="connsiteX1" fmla="*/ 618131 w 2827931"/>
                <a:gd name="connsiteY1" fmla="*/ 26761 h 2782410"/>
                <a:gd name="connsiteX2" fmla="*/ 8531 w 2827931"/>
                <a:gd name="connsiteY2" fmla="*/ 2141311 h 2782410"/>
                <a:gd name="connsiteX3" fmla="*/ 999131 w 2827931"/>
                <a:gd name="connsiteY3" fmla="*/ 2531836 h 2782410"/>
                <a:gd name="connsiteX4" fmla="*/ 1797588 w 2827931"/>
                <a:gd name="connsiteY4" fmla="*/ 2726504 h 2782410"/>
                <a:gd name="connsiteX5" fmla="*/ 2827931 w 2827931"/>
                <a:gd name="connsiteY5" fmla="*/ 1455511 h 2782410"/>
                <a:gd name="connsiteX6" fmla="*/ 1799231 w 2827931"/>
                <a:gd name="connsiteY6" fmla="*/ 683986 h 2782410"/>
                <a:gd name="connsiteX0" fmla="*/ 1799231 w 2828226"/>
                <a:gd name="connsiteY0" fmla="*/ 683986 h 2782410"/>
                <a:gd name="connsiteX1" fmla="*/ 618131 w 2828226"/>
                <a:gd name="connsiteY1" fmla="*/ 26761 h 2782410"/>
                <a:gd name="connsiteX2" fmla="*/ 8531 w 2828226"/>
                <a:gd name="connsiteY2" fmla="*/ 2141311 h 2782410"/>
                <a:gd name="connsiteX3" fmla="*/ 999131 w 2828226"/>
                <a:gd name="connsiteY3" fmla="*/ 2531836 h 2782410"/>
                <a:gd name="connsiteX4" fmla="*/ 1797588 w 2828226"/>
                <a:gd name="connsiteY4" fmla="*/ 2726504 h 2782410"/>
                <a:gd name="connsiteX5" fmla="*/ 2827931 w 2828226"/>
                <a:gd name="connsiteY5" fmla="*/ 1455511 h 2782410"/>
                <a:gd name="connsiteX6" fmla="*/ 1799231 w 2828226"/>
                <a:gd name="connsiteY6" fmla="*/ 683986 h 2782410"/>
                <a:gd name="connsiteX0" fmla="*/ 1799231 w 2835240"/>
                <a:gd name="connsiteY0" fmla="*/ 683986 h 2782410"/>
                <a:gd name="connsiteX1" fmla="*/ 618131 w 2835240"/>
                <a:gd name="connsiteY1" fmla="*/ 26761 h 2782410"/>
                <a:gd name="connsiteX2" fmla="*/ 8531 w 2835240"/>
                <a:gd name="connsiteY2" fmla="*/ 2141311 h 2782410"/>
                <a:gd name="connsiteX3" fmla="*/ 999131 w 2835240"/>
                <a:gd name="connsiteY3" fmla="*/ 2531836 h 2782410"/>
                <a:gd name="connsiteX4" fmla="*/ 1797588 w 2835240"/>
                <a:gd name="connsiteY4" fmla="*/ 2726504 h 2782410"/>
                <a:gd name="connsiteX5" fmla="*/ 2827931 w 2835240"/>
                <a:gd name="connsiteY5" fmla="*/ 1455511 h 2782410"/>
                <a:gd name="connsiteX6" fmla="*/ 1799231 w 2835240"/>
                <a:gd name="connsiteY6" fmla="*/ 683986 h 2782410"/>
                <a:gd name="connsiteX0" fmla="*/ 2251664 w 3287673"/>
                <a:gd name="connsiteY0" fmla="*/ 684421 h 2795123"/>
                <a:gd name="connsiteX1" fmla="*/ 1070564 w 3287673"/>
                <a:gd name="connsiteY1" fmla="*/ 27196 h 2795123"/>
                <a:gd name="connsiteX2" fmla="*/ 3764 w 3287673"/>
                <a:gd name="connsiteY2" fmla="*/ 1636921 h 2795123"/>
                <a:gd name="connsiteX3" fmla="*/ 1451564 w 3287673"/>
                <a:gd name="connsiteY3" fmla="*/ 2532271 h 2795123"/>
                <a:gd name="connsiteX4" fmla="*/ 2250021 w 3287673"/>
                <a:gd name="connsiteY4" fmla="*/ 2726939 h 2795123"/>
                <a:gd name="connsiteX5" fmla="*/ 3280364 w 3287673"/>
                <a:gd name="connsiteY5" fmla="*/ 1455946 h 2795123"/>
                <a:gd name="connsiteX6" fmla="*/ 2251664 w 3287673"/>
                <a:gd name="connsiteY6" fmla="*/ 684421 h 27951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287673" h="2795123">
                  <a:moveTo>
                    <a:pt x="2251664" y="684421"/>
                  </a:moveTo>
                  <a:cubicBezTo>
                    <a:pt x="1883364" y="446296"/>
                    <a:pt x="1445214" y="-131554"/>
                    <a:pt x="1070564" y="27196"/>
                  </a:cubicBezTo>
                  <a:cubicBezTo>
                    <a:pt x="695914" y="185946"/>
                    <a:pt x="-59736" y="1219409"/>
                    <a:pt x="3764" y="1636921"/>
                  </a:cubicBezTo>
                  <a:cubicBezTo>
                    <a:pt x="67264" y="2054433"/>
                    <a:pt x="1077188" y="2350601"/>
                    <a:pt x="1451564" y="2532271"/>
                  </a:cubicBezTo>
                  <a:cubicBezTo>
                    <a:pt x="1825940" y="2713941"/>
                    <a:pt x="1956334" y="2898389"/>
                    <a:pt x="2250021" y="2726939"/>
                  </a:cubicBezTo>
                  <a:cubicBezTo>
                    <a:pt x="2543708" y="2555489"/>
                    <a:pt x="3373931" y="2148348"/>
                    <a:pt x="3280364" y="1455946"/>
                  </a:cubicBezTo>
                  <a:cubicBezTo>
                    <a:pt x="3181073" y="721189"/>
                    <a:pt x="2619964" y="922546"/>
                    <a:pt x="2251664" y="684421"/>
                  </a:cubicBez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9" name="Freeform 218"/>
            <p:cNvSpPr/>
            <p:nvPr/>
          </p:nvSpPr>
          <p:spPr>
            <a:xfrm>
              <a:off x="1626683" y="1576846"/>
              <a:ext cx="2434661" cy="2254511"/>
            </a:xfrm>
            <a:custGeom>
              <a:avLst/>
              <a:gdLst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86947 h 2420547"/>
                <a:gd name="connsiteX1" fmla="*/ 400050 w 2647950"/>
                <a:gd name="connsiteY1" fmla="*/ 96447 h 2420547"/>
                <a:gd name="connsiteX2" fmla="*/ 0 w 2647950"/>
                <a:gd name="connsiteY2" fmla="*/ 1506147 h 2420547"/>
                <a:gd name="connsiteX3" fmla="*/ 1304925 w 2647950"/>
                <a:gd name="connsiteY3" fmla="*/ 2420547 h 2420547"/>
                <a:gd name="connsiteX4" fmla="*/ 2028825 w 2647950"/>
                <a:gd name="connsiteY4" fmla="*/ 1906197 h 2420547"/>
                <a:gd name="connsiteX5" fmla="*/ 2647950 w 2647950"/>
                <a:gd name="connsiteY5" fmla="*/ 1096572 h 2420547"/>
                <a:gd name="connsiteX6" fmla="*/ 1981200 w 2647950"/>
                <a:gd name="connsiteY6" fmla="*/ 325047 h 2420547"/>
                <a:gd name="connsiteX7" fmla="*/ 1304925 w 2647950"/>
                <a:gd name="connsiteY7" fmla="*/ 286947 h 2420547"/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52805 h 2386405"/>
                <a:gd name="connsiteX1" fmla="*/ 400050 w 2647950"/>
                <a:gd name="connsiteY1" fmla="*/ 62305 h 2386405"/>
                <a:gd name="connsiteX2" fmla="*/ 0 w 2647950"/>
                <a:gd name="connsiteY2" fmla="*/ 1472005 h 2386405"/>
                <a:gd name="connsiteX3" fmla="*/ 1304925 w 2647950"/>
                <a:gd name="connsiteY3" fmla="*/ 2386405 h 2386405"/>
                <a:gd name="connsiteX4" fmla="*/ 2028825 w 2647950"/>
                <a:gd name="connsiteY4" fmla="*/ 1872055 h 2386405"/>
                <a:gd name="connsiteX5" fmla="*/ 2647950 w 2647950"/>
                <a:gd name="connsiteY5" fmla="*/ 1062430 h 2386405"/>
                <a:gd name="connsiteX6" fmla="*/ 1981200 w 2647950"/>
                <a:gd name="connsiteY6" fmla="*/ 290905 h 2386405"/>
                <a:gd name="connsiteX7" fmla="*/ 1304925 w 2647950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04925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14450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14450 w 2657590"/>
                <a:gd name="connsiteY0" fmla="*/ 252805 h 2394505"/>
                <a:gd name="connsiteX1" fmla="*/ 409575 w 2657590"/>
                <a:gd name="connsiteY1" fmla="*/ 62305 h 2394505"/>
                <a:gd name="connsiteX2" fmla="*/ 0 w 2657590"/>
                <a:gd name="connsiteY2" fmla="*/ 1472005 h 2394505"/>
                <a:gd name="connsiteX3" fmla="*/ 1323975 w 2657590"/>
                <a:gd name="connsiteY3" fmla="*/ 2386405 h 2394505"/>
                <a:gd name="connsiteX4" fmla="*/ 2038350 w 2657590"/>
                <a:gd name="connsiteY4" fmla="*/ 1872055 h 2394505"/>
                <a:gd name="connsiteX5" fmla="*/ 2657475 w 2657590"/>
                <a:gd name="connsiteY5" fmla="*/ 1062430 h 2394505"/>
                <a:gd name="connsiteX6" fmla="*/ 1990725 w 2657590"/>
                <a:gd name="connsiteY6" fmla="*/ 290905 h 2394505"/>
                <a:gd name="connsiteX7" fmla="*/ 1314450 w 2657590"/>
                <a:gd name="connsiteY7" fmla="*/ 252805 h 2394505"/>
                <a:gd name="connsiteX0" fmla="*/ 1361842 w 2704982"/>
                <a:gd name="connsiteY0" fmla="*/ 252805 h 2394505"/>
                <a:gd name="connsiteX1" fmla="*/ 456967 w 2704982"/>
                <a:gd name="connsiteY1" fmla="*/ 62305 h 2394505"/>
                <a:gd name="connsiteX2" fmla="*/ 47392 w 2704982"/>
                <a:gd name="connsiteY2" fmla="*/ 1472005 h 2394505"/>
                <a:gd name="connsiteX3" fmla="*/ 1371367 w 2704982"/>
                <a:gd name="connsiteY3" fmla="*/ 2386405 h 2394505"/>
                <a:gd name="connsiteX4" fmla="*/ 2085742 w 2704982"/>
                <a:gd name="connsiteY4" fmla="*/ 1872055 h 2394505"/>
                <a:gd name="connsiteX5" fmla="*/ 2704867 w 2704982"/>
                <a:gd name="connsiteY5" fmla="*/ 1062430 h 2394505"/>
                <a:gd name="connsiteX6" fmla="*/ 2038117 w 2704982"/>
                <a:gd name="connsiteY6" fmla="*/ 290905 h 2394505"/>
                <a:gd name="connsiteX7" fmla="*/ 1361842 w 2704982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8480"/>
                <a:gd name="connsiteY0" fmla="*/ 256977 h 2398677"/>
                <a:gd name="connsiteX1" fmla="*/ 424961 w 2678480"/>
                <a:gd name="connsiteY1" fmla="*/ 66477 h 2398677"/>
                <a:gd name="connsiteX2" fmla="*/ 15386 w 2678480"/>
                <a:gd name="connsiteY2" fmla="*/ 1476177 h 2398677"/>
                <a:gd name="connsiteX3" fmla="*/ 1339361 w 2678480"/>
                <a:gd name="connsiteY3" fmla="*/ 2390577 h 2398677"/>
                <a:gd name="connsiteX4" fmla="*/ 2053736 w 2678480"/>
                <a:gd name="connsiteY4" fmla="*/ 1876227 h 2398677"/>
                <a:gd name="connsiteX5" fmla="*/ 2672861 w 2678480"/>
                <a:gd name="connsiteY5" fmla="*/ 1066602 h 2398677"/>
                <a:gd name="connsiteX6" fmla="*/ 1863236 w 2678480"/>
                <a:gd name="connsiteY6" fmla="*/ 504628 h 2398677"/>
                <a:gd name="connsiteX7" fmla="*/ 1329836 w 2678480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267"/>
                <a:gd name="connsiteY0" fmla="*/ 270771 h 2412471"/>
                <a:gd name="connsiteX1" fmla="*/ 424961 w 2674267"/>
                <a:gd name="connsiteY1" fmla="*/ 80271 h 2412471"/>
                <a:gd name="connsiteX2" fmla="*/ 15386 w 2674267"/>
                <a:gd name="connsiteY2" fmla="*/ 1489971 h 2412471"/>
                <a:gd name="connsiteX3" fmla="*/ 1339361 w 2674267"/>
                <a:gd name="connsiteY3" fmla="*/ 2404371 h 2412471"/>
                <a:gd name="connsiteX4" fmla="*/ 2053736 w 2674267"/>
                <a:gd name="connsiteY4" fmla="*/ 1890021 h 2412471"/>
                <a:gd name="connsiteX5" fmla="*/ 2672861 w 2674267"/>
                <a:gd name="connsiteY5" fmla="*/ 1080396 h 2412471"/>
                <a:gd name="connsiteX6" fmla="*/ 1329836 w 2674267"/>
                <a:gd name="connsiteY6" fmla="*/ 270771 h 2412471"/>
                <a:gd name="connsiteX0" fmla="*/ 1331412 w 2675843"/>
                <a:gd name="connsiteY0" fmla="*/ 316695 h 2458395"/>
                <a:gd name="connsiteX1" fmla="*/ 426537 w 2675843"/>
                <a:gd name="connsiteY1" fmla="*/ 126195 h 2458395"/>
                <a:gd name="connsiteX2" fmla="*/ 16962 w 2675843"/>
                <a:gd name="connsiteY2" fmla="*/ 1535895 h 2458395"/>
                <a:gd name="connsiteX3" fmla="*/ 1340937 w 2675843"/>
                <a:gd name="connsiteY3" fmla="*/ 2450295 h 2458395"/>
                <a:gd name="connsiteX4" fmla="*/ 2055312 w 2675843"/>
                <a:gd name="connsiteY4" fmla="*/ 1935945 h 2458395"/>
                <a:gd name="connsiteX5" fmla="*/ 2674437 w 2675843"/>
                <a:gd name="connsiteY5" fmla="*/ 1126320 h 2458395"/>
                <a:gd name="connsiteX6" fmla="*/ 1331412 w 2675843"/>
                <a:gd name="connsiteY6" fmla="*/ 316695 h 2458395"/>
                <a:gd name="connsiteX0" fmla="*/ 1331412 w 2679396"/>
                <a:gd name="connsiteY0" fmla="*/ 316695 h 2456114"/>
                <a:gd name="connsiteX1" fmla="*/ 426537 w 2679396"/>
                <a:gd name="connsiteY1" fmla="*/ 126195 h 2456114"/>
                <a:gd name="connsiteX2" fmla="*/ 16962 w 2679396"/>
                <a:gd name="connsiteY2" fmla="*/ 1535895 h 2456114"/>
                <a:gd name="connsiteX3" fmla="*/ 1340937 w 2679396"/>
                <a:gd name="connsiteY3" fmla="*/ 2450295 h 2456114"/>
                <a:gd name="connsiteX4" fmla="*/ 1769562 w 2679396"/>
                <a:gd name="connsiteY4" fmla="*/ 1888320 h 2456114"/>
                <a:gd name="connsiteX5" fmla="*/ 2674437 w 2679396"/>
                <a:gd name="connsiteY5" fmla="*/ 1126320 h 2456114"/>
                <a:gd name="connsiteX6" fmla="*/ 1331412 w 2679396"/>
                <a:gd name="connsiteY6" fmla="*/ 316695 h 2456114"/>
                <a:gd name="connsiteX0" fmla="*/ 1339284 w 2687268"/>
                <a:gd name="connsiteY0" fmla="*/ 316695 h 2260648"/>
                <a:gd name="connsiteX1" fmla="*/ 434409 w 2687268"/>
                <a:gd name="connsiteY1" fmla="*/ 126195 h 2260648"/>
                <a:gd name="connsiteX2" fmla="*/ 24834 w 2687268"/>
                <a:gd name="connsiteY2" fmla="*/ 1535895 h 2260648"/>
                <a:gd name="connsiteX3" fmla="*/ 1082109 w 2687268"/>
                <a:gd name="connsiteY3" fmla="*/ 2250270 h 2260648"/>
                <a:gd name="connsiteX4" fmla="*/ 1777434 w 2687268"/>
                <a:gd name="connsiteY4" fmla="*/ 1888320 h 2260648"/>
                <a:gd name="connsiteX5" fmla="*/ 2682309 w 2687268"/>
                <a:gd name="connsiteY5" fmla="*/ 1126320 h 2260648"/>
                <a:gd name="connsiteX6" fmla="*/ 1339284 w 2687268"/>
                <a:gd name="connsiteY6" fmla="*/ 316695 h 2260648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9301"/>
                <a:gd name="connsiteY0" fmla="*/ 316695 h 2255096"/>
                <a:gd name="connsiteX1" fmla="*/ 434409 w 2689301"/>
                <a:gd name="connsiteY1" fmla="*/ 126195 h 2255096"/>
                <a:gd name="connsiteX2" fmla="*/ 24834 w 2689301"/>
                <a:gd name="connsiteY2" fmla="*/ 1535895 h 2255096"/>
                <a:gd name="connsiteX3" fmla="*/ 1082109 w 2689301"/>
                <a:gd name="connsiteY3" fmla="*/ 2250270 h 2255096"/>
                <a:gd name="connsiteX4" fmla="*/ 1844109 w 2689301"/>
                <a:gd name="connsiteY4" fmla="*/ 1802595 h 2255096"/>
                <a:gd name="connsiteX5" fmla="*/ 2682309 w 2689301"/>
                <a:gd name="connsiteY5" fmla="*/ 1126320 h 2255096"/>
                <a:gd name="connsiteX6" fmla="*/ 1339284 w 2689301"/>
                <a:gd name="connsiteY6" fmla="*/ 316695 h 2255096"/>
                <a:gd name="connsiteX0" fmla="*/ 1339284 w 2454328"/>
                <a:gd name="connsiteY0" fmla="*/ 312132 h 2250533"/>
                <a:gd name="connsiteX1" fmla="*/ 434409 w 2454328"/>
                <a:gd name="connsiteY1" fmla="*/ 121632 h 2250533"/>
                <a:gd name="connsiteX2" fmla="*/ 24834 w 2454328"/>
                <a:gd name="connsiteY2" fmla="*/ 1531332 h 2250533"/>
                <a:gd name="connsiteX3" fmla="*/ 1082109 w 2454328"/>
                <a:gd name="connsiteY3" fmla="*/ 2245707 h 2250533"/>
                <a:gd name="connsiteX4" fmla="*/ 1844109 w 2454328"/>
                <a:gd name="connsiteY4" fmla="*/ 1798032 h 2250533"/>
                <a:gd name="connsiteX5" fmla="*/ 2444184 w 2454328"/>
                <a:gd name="connsiteY5" fmla="*/ 969357 h 2250533"/>
                <a:gd name="connsiteX6" fmla="*/ 1339284 w 2454328"/>
                <a:gd name="connsiteY6" fmla="*/ 312132 h 2250533"/>
                <a:gd name="connsiteX0" fmla="*/ 1339284 w 2444186"/>
                <a:gd name="connsiteY0" fmla="*/ 312132 h 2250533"/>
                <a:gd name="connsiteX1" fmla="*/ 434409 w 2444186"/>
                <a:gd name="connsiteY1" fmla="*/ 121632 h 2250533"/>
                <a:gd name="connsiteX2" fmla="*/ 24834 w 2444186"/>
                <a:gd name="connsiteY2" fmla="*/ 1531332 h 2250533"/>
                <a:gd name="connsiteX3" fmla="*/ 1082109 w 2444186"/>
                <a:gd name="connsiteY3" fmla="*/ 2245707 h 2250533"/>
                <a:gd name="connsiteX4" fmla="*/ 1844109 w 2444186"/>
                <a:gd name="connsiteY4" fmla="*/ 1798032 h 2250533"/>
                <a:gd name="connsiteX5" fmla="*/ 2444184 w 2444186"/>
                <a:gd name="connsiteY5" fmla="*/ 969357 h 2250533"/>
                <a:gd name="connsiteX6" fmla="*/ 1339284 w 2444186"/>
                <a:gd name="connsiteY6" fmla="*/ 312132 h 2250533"/>
                <a:gd name="connsiteX0" fmla="*/ 1339284 w 2434661"/>
                <a:gd name="connsiteY0" fmla="*/ 316110 h 2254511"/>
                <a:gd name="connsiteX1" fmla="*/ 434409 w 2434661"/>
                <a:gd name="connsiteY1" fmla="*/ 125610 h 2254511"/>
                <a:gd name="connsiteX2" fmla="*/ 24834 w 2434661"/>
                <a:gd name="connsiteY2" fmla="*/ 1535310 h 2254511"/>
                <a:gd name="connsiteX3" fmla="*/ 1082109 w 2434661"/>
                <a:gd name="connsiteY3" fmla="*/ 2249685 h 2254511"/>
                <a:gd name="connsiteX4" fmla="*/ 1844109 w 2434661"/>
                <a:gd name="connsiteY4" fmla="*/ 1802010 h 2254511"/>
                <a:gd name="connsiteX5" fmla="*/ 2434659 w 2434661"/>
                <a:gd name="connsiteY5" fmla="*/ 1106685 h 2254511"/>
                <a:gd name="connsiteX6" fmla="*/ 1339284 w 2434661"/>
                <a:gd name="connsiteY6" fmla="*/ 316110 h 22545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434661" h="2254511">
                  <a:moveTo>
                    <a:pt x="1339284" y="316110"/>
                  </a:moveTo>
                  <a:cubicBezTo>
                    <a:pt x="1005909" y="152598"/>
                    <a:pt x="929709" y="-182365"/>
                    <a:pt x="434409" y="125610"/>
                  </a:cubicBezTo>
                  <a:cubicBezTo>
                    <a:pt x="180658" y="283391"/>
                    <a:pt x="-83116" y="1181298"/>
                    <a:pt x="24834" y="1535310"/>
                  </a:cubicBezTo>
                  <a:cubicBezTo>
                    <a:pt x="132784" y="1889323"/>
                    <a:pt x="778896" y="2205235"/>
                    <a:pt x="1082109" y="2249685"/>
                  </a:cubicBezTo>
                  <a:cubicBezTo>
                    <a:pt x="1385322" y="2294135"/>
                    <a:pt x="1621859" y="2022672"/>
                    <a:pt x="1844109" y="1802010"/>
                  </a:cubicBezTo>
                  <a:cubicBezTo>
                    <a:pt x="2067946" y="1581348"/>
                    <a:pt x="2434100" y="1368237"/>
                    <a:pt x="2434659" y="1106685"/>
                  </a:cubicBezTo>
                  <a:cubicBezTo>
                    <a:pt x="2436247" y="363735"/>
                    <a:pt x="1672659" y="479623"/>
                    <a:pt x="1339284" y="316110"/>
                  </a:cubicBezTo>
                  <a:close/>
                </a:path>
              </a:pathLst>
            </a:custGeom>
            <a:solidFill>
              <a:schemeClr val="accent3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cxnSp>
          <p:nvCxnSpPr>
            <p:cNvPr id="220" name="Straight Connector 219"/>
            <p:cNvCxnSpPr/>
            <p:nvPr/>
          </p:nvCxnSpPr>
          <p:spPr>
            <a:xfrm flipH="1">
              <a:off x="3771616" y="1958900"/>
              <a:ext cx="1678074" cy="44715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1" name="Straight Connector 220"/>
            <p:cNvCxnSpPr/>
            <p:nvPr/>
          </p:nvCxnSpPr>
          <p:spPr>
            <a:xfrm flipH="1" flipV="1">
              <a:off x="1959791" y="2822216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2" name="Straight Connector 221"/>
            <p:cNvCxnSpPr/>
            <p:nvPr/>
          </p:nvCxnSpPr>
          <p:spPr>
            <a:xfrm flipH="1">
              <a:off x="1959791" y="1909120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3" name="Straight Connector 222"/>
            <p:cNvCxnSpPr/>
            <p:nvPr/>
          </p:nvCxnSpPr>
          <p:spPr>
            <a:xfrm>
              <a:off x="2351193" y="3470288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4" name="Straight Connector 223"/>
            <p:cNvCxnSpPr/>
            <p:nvPr/>
          </p:nvCxnSpPr>
          <p:spPr>
            <a:xfrm flipV="1">
              <a:off x="2571871" y="2892544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5" name="Straight Connector 224"/>
            <p:cNvCxnSpPr/>
            <p:nvPr/>
          </p:nvCxnSpPr>
          <p:spPr>
            <a:xfrm flipV="1">
              <a:off x="6353238" y="3003274"/>
              <a:ext cx="1007153" cy="111570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6" name="Straight Connector 225"/>
            <p:cNvCxnSpPr/>
            <p:nvPr/>
          </p:nvCxnSpPr>
          <p:spPr>
            <a:xfrm flipH="1" flipV="1">
              <a:off x="5596183" y="3625860"/>
              <a:ext cx="757056" cy="49312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7" name="Straight Connector 226"/>
            <p:cNvCxnSpPr/>
            <p:nvPr/>
          </p:nvCxnSpPr>
          <p:spPr>
            <a:xfrm flipH="1" flipV="1">
              <a:off x="6267335" y="2380688"/>
              <a:ext cx="1093056" cy="60797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8" name="Straight Connector 227"/>
            <p:cNvCxnSpPr/>
            <p:nvPr/>
          </p:nvCxnSpPr>
          <p:spPr>
            <a:xfrm flipH="1" flipV="1">
              <a:off x="6140961" y="2078056"/>
              <a:ext cx="126373" cy="30263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9" name="Straight Connector 228"/>
            <p:cNvCxnSpPr/>
            <p:nvPr/>
          </p:nvCxnSpPr>
          <p:spPr>
            <a:xfrm flipV="1">
              <a:off x="5596183" y="2380688"/>
              <a:ext cx="671150" cy="124517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0" name="Straight Connector 229"/>
            <p:cNvCxnSpPr/>
            <p:nvPr/>
          </p:nvCxnSpPr>
          <p:spPr>
            <a:xfrm flipH="1">
              <a:off x="5036249" y="3625860"/>
              <a:ext cx="561292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1" name="Straight Connector 230"/>
            <p:cNvCxnSpPr/>
            <p:nvPr/>
          </p:nvCxnSpPr>
          <p:spPr>
            <a:xfrm flipH="1" flipV="1">
              <a:off x="4509870" y="3182256"/>
              <a:ext cx="526379" cy="44360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2" name="Straight Connector 231"/>
            <p:cNvCxnSpPr/>
            <p:nvPr/>
          </p:nvCxnSpPr>
          <p:spPr>
            <a:xfrm flipH="1">
              <a:off x="4509870" y="1952456"/>
              <a:ext cx="978316" cy="12298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3" name="Straight Connector 232"/>
            <p:cNvCxnSpPr/>
            <p:nvPr/>
          </p:nvCxnSpPr>
          <p:spPr>
            <a:xfrm>
              <a:off x="5488183" y="1952456"/>
              <a:ext cx="652778" cy="1256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4" name="Straight Connector 233"/>
            <p:cNvCxnSpPr/>
            <p:nvPr/>
          </p:nvCxnSpPr>
          <p:spPr>
            <a:xfrm>
              <a:off x="2426724" y="1909120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5" name="Straight Connector 234"/>
            <p:cNvCxnSpPr/>
            <p:nvPr/>
          </p:nvCxnSpPr>
          <p:spPr>
            <a:xfrm>
              <a:off x="3764163" y="2422548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6" name="Straight Connector 235"/>
            <p:cNvCxnSpPr/>
            <p:nvPr/>
          </p:nvCxnSpPr>
          <p:spPr>
            <a:xfrm>
              <a:off x="3871147" y="2892544"/>
              <a:ext cx="248884" cy="192229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7" name="Straight Connector 236"/>
            <p:cNvCxnSpPr/>
            <p:nvPr/>
          </p:nvCxnSpPr>
          <p:spPr>
            <a:xfrm>
              <a:off x="4120031" y="3084774"/>
              <a:ext cx="389839" cy="9748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38" name="Group 237"/>
            <p:cNvGrpSpPr/>
            <p:nvPr/>
          </p:nvGrpSpPr>
          <p:grpSpPr>
            <a:xfrm>
              <a:off x="1911843" y="1858008"/>
              <a:ext cx="5502548" cy="2320619"/>
              <a:chOff x="1355700" y="2536800"/>
              <a:chExt cx="5502548" cy="2320619"/>
            </a:xfrm>
          </p:grpSpPr>
          <p:sp>
            <p:nvSpPr>
              <p:cNvPr id="239" name="Oval 238"/>
              <p:cNvSpPr/>
              <p:nvPr/>
            </p:nvSpPr>
            <p:spPr>
              <a:xfrm>
                <a:off x="1971327" y="4163553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0" name="Oval 239"/>
              <p:cNvSpPr/>
              <p:nvPr/>
            </p:nvSpPr>
            <p:spPr>
              <a:xfrm>
                <a:off x="1741050" y="409143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1" name="Oval 240"/>
              <p:cNvSpPr/>
              <p:nvPr/>
            </p:nvSpPr>
            <p:spPr>
              <a:xfrm>
                <a:off x="4418684" y="4250842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2" name="Oval 241"/>
              <p:cNvSpPr/>
              <p:nvPr/>
            </p:nvSpPr>
            <p:spPr>
              <a:xfrm>
                <a:off x="4990191" y="4252551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3" name="Oval 242"/>
              <p:cNvSpPr/>
              <p:nvPr/>
            </p:nvSpPr>
            <p:spPr>
              <a:xfrm>
                <a:off x="1355700" y="3450215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4" name="Oval 243"/>
              <p:cNvSpPr/>
              <p:nvPr/>
            </p:nvSpPr>
            <p:spPr>
              <a:xfrm>
                <a:off x="1816582" y="253680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5" name="Oval 244"/>
              <p:cNvSpPr/>
              <p:nvPr/>
            </p:nvSpPr>
            <p:spPr>
              <a:xfrm>
                <a:off x="3509888" y="371769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6" name="Oval 245"/>
              <p:cNvSpPr/>
              <p:nvPr/>
            </p:nvSpPr>
            <p:spPr>
              <a:xfrm>
                <a:off x="3899728" y="3812398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7" name="Oval 246"/>
              <p:cNvSpPr/>
              <p:nvPr/>
            </p:nvSpPr>
            <p:spPr>
              <a:xfrm>
                <a:off x="5743095" y="4749419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8" name="Oval 247"/>
              <p:cNvSpPr/>
              <p:nvPr/>
            </p:nvSpPr>
            <p:spPr>
              <a:xfrm>
                <a:off x="5648004" y="300548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9" name="Oval 248"/>
              <p:cNvSpPr/>
              <p:nvPr/>
            </p:nvSpPr>
            <p:spPr>
              <a:xfrm>
                <a:off x="5540004" y="270892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0" name="Oval 249"/>
              <p:cNvSpPr/>
              <p:nvPr/>
            </p:nvSpPr>
            <p:spPr>
              <a:xfrm>
                <a:off x="4875560" y="257922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1" name="Oval 250"/>
              <p:cNvSpPr/>
              <p:nvPr/>
            </p:nvSpPr>
            <p:spPr>
              <a:xfrm>
                <a:off x="3153512" y="303840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2" name="Oval 251"/>
              <p:cNvSpPr/>
              <p:nvPr/>
            </p:nvSpPr>
            <p:spPr>
              <a:xfrm>
                <a:off x="6750248" y="3619857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  <p:sp>
          <p:nvSpPr>
            <p:cNvPr id="253" name="Oval 252"/>
            <p:cNvSpPr/>
            <p:nvPr/>
          </p:nvSpPr>
          <p:spPr>
            <a:xfrm>
              <a:off x="3807513" y="284433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78" name="Title 1"/>
          <p:cNvSpPr>
            <a:spLocks noGrp="1"/>
          </p:cNvSpPr>
          <p:nvPr>
            <p:ph type="title"/>
          </p:nvPr>
        </p:nvSpPr>
        <p:spPr>
          <a:xfrm>
            <a:off x="1524000" y="274638"/>
            <a:ext cx="9144000" cy="1143000"/>
          </a:xfrm>
        </p:spPr>
        <p:txBody>
          <a:bodyPr>
            <a:normAutofit/>
          </a:bodyPr>
          <a:lstStyle/>
          <a:p>
            <a:r>
              <a:rPr lang="da-DK" dirty="0"/>
              <a:t>Stærke Sammenhængskomponenter</a:t>
            </a:r>
          </a:p>
        </p:txBody>
      </p:sp>
    </p:spTree>
    <p:extLst>
      <p:ext uri="{BB962C8B-B14F-4D97-AF65-F5344CB8AC3E}">
        <p14:creationId xmlns:p14="http://schemas.microsoft.com/office/powerpoint/2010/main" val="27602544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" dur="500"/>
                                        <p:tgtEl>
                                          <p:spTgt spid="8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7" dur="500"/>
                                        <p:tgtEl>
                                          <p:spTgt spid="17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0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3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6" dur="500"/>
                                        <p:tgtEl>
                                          <p:spTgt spid="19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9" dur="500"/>
                                        <p:tgtEl>
                                          <p:spTgt spid="19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1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1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3" fill="hold">
                      <p:stCondLst>
                        <p:cond delay="indefinite"/>
                      </p:stCondLst>
                      <p:childTnLst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8" fill="hold">
                      <p:stCondLst>
                        <p:cond delay="indefinite"/>
                      </p:stCondLst>
                      <p:childTnLst>
                        <p:par>
                          <p:cTn id="79" fill="hold">
                            <p:stCondLst>
                              <p:cond delay="0"/>
                            </p:stCondLst>
                            <p:childTnLst>
                              <p:par>
                                <p:cTn id="80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1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4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7" dur="50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0" dur="50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6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9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2" dur="500"/>
                                        <p:tgtEl>
                                          <p:spTgt spid="17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1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2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2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6" fill="hold">
                      <p:stCondLst>
                        <p:cond delay="indefinite"/>
                      </p:stCondLst>
                      <p:childTnLst>
                        <p:par>
                          <p:cTn id="117" fill="hold">
                            <p:stCondLst>
                              <p:cond delay="0"/>
                            </p:stCondLst>
                            <p:childTnLst>
                              <p:par>
                                <p:cTn id="118" presetID="1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19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CD5B5"/>
                                      </p:to>
                                    </p:animClr>
                                    <p:set>
                                      <p:cBhvr>
                                        <p:cTn id="120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21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2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23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D7E4BD"/>
                                      </p:to>
                                    </p:animClr>
                                    <p:set>
                                      <p:cBhvr>
                                        <p:cTn id="124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25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6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27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B9CDE5"/>
                                      </p:to>
                                    </p:animClr>
                                    <p:set>
                                      <p:cBhvr>
                                        <p:cTn id="128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29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0" fill="hold">
                      <p:stCondLst>
                        <p:cond delay="indefinite"/>
                      </p:stCondLst>
                      <p:childTnLst>
                        <p:par>
                          <p:cTn id="131" fill="hold">
                            <p:stCondLst>
                              <p:cond delay="0"/>
                            </p:stCondLst>
                            <p:childTnLst>
                              <p:par>
                                <p:cTn id="1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4" dur="500"/>
                                        <p:tgtEl>
                                          <p:spTgt spid="2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0" grpId="0" animBg="1"/>
      <p:bldP spid="115" grpId="0" animBg="1"/>
      <p:bldP spid="216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8" name="Group 197"/>
          <p:cNvGrpSpPr/>
          <p:nvPr/>
        </p:nvGrpSpPr>
        <p:grpSpPr>
          <a:xfrm>
            <a:off x="3483791" y="1904508"/>
            <a:ext cx="1911356" cy="1647599"/>
            <a:chOff x="4434045" y="4418013"/>
            <a:chExt cx="1911356" cy="1647599"/>
          </a:xfrm>
        </p:grpSpPr>
        <p:cxnSp>
          <p:nvCxnSpPr>
            <p:cNvPr id="186" name="Straight Connector 185"/>
            <p:cNvCxnSpPr/>
            <p:nvPr/>
          </p:nvCxnSpPr>
          <p:spPr>
            <a:xfrm flipH="1" flipV="1">
              <a:off x="4434045" y="5331109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7" name="Straight Connector 186"/>
            <p:cNvCxnSpPr/>
            <p:nvPr/>
          </p:nvCxnSpPr>
          <p:spPr>
            <a:xfrm flipH="1">
              <a:off x="4434045" y="4418013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8" name="Straight Connector 187"/>
            <p:cNvCxnSpPr/>
            <p:nvPr/>
          </p:nvCxnSpPr>
          <p:spPr>
            <a:xfrm>
              <a:off x="4825447" y="5979181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9" name="Straight Connector 188"/>
            <p:cNvCxnSpPr/>
            <p:nvPr/>
          </p:nvCxnSpPr>
          <p:spPr>
            <a:xfrm flipV="1">
              <a:off x="5046125" y="5401437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0" name="Straight Connector 189"/>
            <p:cNvCxnSpPr/>
            <p:nvPr/>
          </p:nvCxnSpPr>
          <p:spPr>
            <a:xfrm>
              <a:off x="4900978" y="4418013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1" name="Straight Connector 190"/>
            <p:cNvCxnSpPr/>
            <p:nvPr/>
          </p:nvCxnSpPr>
          <p:spPr>
            <a:xfrm>
              <a:off x="6238417" y="4931441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8" name="Straight Connector 7"/>
          <p:cNvCxnSpPr/>
          <p:nvPr/>
        </p:nvCxnSpPr>
        <p:spPr>
          <a:xfrm flipV="1">
            <a:off x="7877243" y="3003274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>
            <a:off x="5395147" y="2892549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Connector 72"/>
          <p:cNvCxnSpPr>
            <a:endCxn id="53" idx="6"/>
          </p:cNvCxnSpPr>
          <p:nvPr/>
        </p:nvCxnSpPr>
        <p:spPr>
          <a:xfrm flipH="1" flipV="1">
            <a:off x="7338572" y="2830194"/>
            <a:ext cx="1538728" cy="154311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 flipH="1" flipV="1">
            <a:off x="7207256" y="3111500"/>
            <a:ext cx="666749" cy="98425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Straight Connector 75"/>
          <p:cNvCxnSpPr/>
          <p:nvPr/>
        </p:nvCxnSpPr>
        <p:spPr>
          <a:xfrm flipH="1" flipV="1">
            <a:off x="5321300" y="2419350"/>
            <a:ext cx="1416050" cy="33020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/>
          <p:cNvCxnSpPr/>
          <p:nvPr/>
        </p:nvCxnSpPr>
        <p:spPr>
          <a:xfrm flipV="1">
            <a:off x="5702300" y="2870200"/>
            <a:ext cx="1028700" cy="2032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77" name="Group 176"/>
          <p:cNvGrpSpPr/>
          <p:nvPr/>
        </p:nvGrpSpPr>
        <p:grpSpPr>
          <a:xfrm>
            <a:off x="3478311" y="1908488"/>
            <a:ext cx="1911356" cy="1647599"/>
            <a:chOff x="2112191" y="2061520"/>
            <a:chExt cx="1911356" cy="1647599"/>
          </a:xfrm>
        </p:grpSpPr>
        <p:cxnSp>
          <p:nvCxnSpPr>
            <p:cNvPr id="171" name="Straight Connector 170"/>
            <p:cNvCxnSpPr/>
            <p:nvPr/>
          </p:nvCxnSpPr>
          <p:spPr>
            <a:xfrm flipH="1" flipV="1">
              <a:off x="2112191" y="2974616"/>
              <a:ext cx="391402" cy="64442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2" name="Straight Connector 171"/>
            <p:cNvCxnSpPr/>
            <p:nvPr/>
          </p:nvCxnSpPr>
          <p:spPr>
            <a:xfrm flipH="1">
              <a:off x="2112191" y="2061520"/>
              <a:ext cx="466934" cy="91309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3" name="Straight Connector 172"/>
            <p:cNvCxnSpPr/>
            <p:nvPr/>
          </p:nvCxnSpPr>
          <p:spPr>
            <a:xfrm>
              <a:off x="2503593" y="3622688"/>
              <a:ext cx="230277" cy="8643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4" name="Straight Connector 173"/>
            <p:cNvCxnSpPr/>
            <p:nvPr/>
          </p:nvCxnSpPr>
          <p:spPr>
            <a:xfrm flipV="1">
              <a:off x="2724271" y="3044944"/>
              <a:ext cx="1288189" cy="664175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" name="Straight Connector 174"/>
            <p:cNvCxnSpPr/>
            <p:nvPr/>
          </p:nvCxnSpPr>
          <p:spPr>
            <a:xfrm>
              <a:off x="2579124" y="2061520"/>
              <a:ext cx="1337439" cy="513428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6" name="Straight Connector 175"/>
            <p:cNvCxnSpPr/>
            <p:nvPr/>
          </p:nvCxnSpPr>
          <p:spPr>
            <a:xfrm>
              <a:off x="3916563" y="2574948"/>
              <a:ext cx="106984" cy="47579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99" name="Group 198"/>
          <p:cNvGrpSpPr/>
          <p:nvPr/>
        </p:nvGrpSpPr>
        <p:grpSpPr>
          <a:xfrm>
            <a:off x="3435843" y="1853396"/>
            <a:ext cx="2003670" cy="1734753"/>
            <a:chOff x="4386097" y="4366901"/>
            <a:chExt cx="2003670" cy="1734753"/>
          </a:xfrm>
        </p:grpSpPr>
        <p:sp>
          <p:nvSpPr>
            <p:cNvPr id="192" name="Oval 191"/>
            <p:cNvSpPr/>
            <p:nvPr/>
          </p:nvSpPr>
          <p:spPr>
            <a:xfrm>
              <a:off x="5001724" y="599365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3" name="Oval 192"/>
            <p:cNvSpPr/>
            <p:nvPr/>
          </p:nvSpPr>
          <p:spPr>
            <a:xfrm>
              <a:off x="4771447" y="592153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4" name="Oval 193"/>
            <p:cNvSpPr/>
            <p:nvPr/>
          </p:nvSpPr>
          <p:spPr>
            <a:xfrm>
              <a:off x="4386097" y="5280316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5" name="Oval 194"/>
            <p:cNvSpPr/>
            <p:nvPr/>
          </p:nvSpPr>
          <p:spPr>
            <a:xfrm>
              <a:off x="4846979" y="43669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6" name="Oval 195"/>
            <p:cNvSpPr/>
            <p:nvPr/>
          </p:nvSpPr>
          <p:spPr>
            <a:xfrm>
              <a:off x="6281767" y="535323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7" name="Oval 196"/>
            <p:cNvSpPr/>
            <p:nvPr/>
          </p:nvSpPr>
          <p:spPr>
            <a:xfrm>
              <a:off x="6183909" y="48685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04" name="Group 203"/>
          <p:cNvGrpSpPr/>
          <p:nvPr/>
        </p:nvGrpSpPr>
        <p:grpSpPr>
          <a:xfrm>
            <a:off x="7823243" y="2941065"/>
            <a:ext cx="1115153" cy="1237562"/>
            <a:chOff x="6299238" y="2941065"/>
            <a:chExt cx="1115153" cy="1237562"/>
          </a:xfrm>
        </p:grpSpPr>
        <p:sp>
          <p:nvSpPr>
            <p:cNvPr id="30" name="Oval 29"/>
            <p:cNvSpPr/>
            <p:nvPr/>
          </p:nvSpPr>
          <p:spPr>
            <a:xfrm>
              <a:off x="6299238" y="407062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5" name="Oval 34"/>
            <p:cNvSpPr/>
            <p:nvPr/>
          </p:nvSpPr>
          <p:spPr>
            <a:xfrm>
              <a:off x="7306391" y="294106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49" name="Group 148"/>
          <p:cNvGrpSpPr/>
          <p:nvPr/>
        </p:nvGrpSpPr>
        <p:grpSpPr>
          <a:xfrm>
            <a:off x="6714577" y="2507976"/>
            <a:ext cx="628480" cy="628480"/>
            <a:chOff x="3651003" y="3041278"/>
            <a:chExt cx="628480" cy="628480"/>
          </a:xfrm>
        </p:grpSpPr>
        <p:sp>
          <p:nvSpPr>
            <p:cNvPr id="150" name="Oval 149"/>
            <p:cNvSpPr>
              <a:spLocks noChangeAspect="1"/>
            </p:cNvSpPr>
            <p:nvPr/>
          </p:nvSpPr>
          <p:spPr>
            <a:xfrm>
              <a:off x="3651003" y="3041278"/>
              <a:ext cx="628480" cy="62848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grpSp>
          <p:nvGrpSpPr>
            <p:cNvPr id="151" name="Group 150"/>
            <p:cNvGrpSpPr/>
            <p:nvPr/>
          </p:nvGrpSpPr>
          <p:grpSpPr>
            <a:xfrm>
              <a:off x="3812555" y="3216322"/>
              <a:ext cx="290106" cy="278392"/>
              <a:chOff x="4139251" y="3163947"/>
              <a:chExt cx="290106" cy="278392"/>
            </a:xfrm>
          </p:grpSpPr>
          <p:cxnSp>
            <p:nvCxnSpPr>
              <p:cNvPr id="152" name="Straight Connector 151"/>
              <p:cNvCxnSpPr/>
              <p:nvPr/>
            </p:nvCxnSpPr>
            <p:spPr>
              <a:xfrm flipH="1" flipV="1">
                <a:off x="4402603" y="3191707"/>
                <a:ext cx="19750" cy="47296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3" name="Straight Connector 152"/>
              <p:cNvCxnSpPr/>
              <p:nvPr/>
            </p:nvCxnSpPr>
            <p:spPr>
              <a:xfrm flipV="1">
                <a:off x="4317463" y="3239003"/>
                <a:ext cx="104890" cy="19460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4" name="Straight Connector 153"/>
              <p:cNvCxnSpPr/>
              <p:nvPr/>
            </p:nvCxnSpPr>
            <p:spPr>
              <a:xfrm flipH="1">
                <a:off x="4229955" y="3433603"/>
                <a:ext cx="87721" cy="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5" name="Straight Connector 154"/>
              <p:cNvCxnSpPr/>
              <p:nvPr/>
            </p:nvCxnSpPr>
            <p:spPr>
              <a:xfrm flipH="1" flipV="1">
                <a:off x="4147691" y="3364275"/>
                <a:ext cx="82264" cy="69328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6" name="Straight Connector 155"/>
              <p:cNvCxnSpPr/>
              <p:nvPr/>
            </p:nvCxnSpPr>
            <p:spPr>
              <a:xfrm flipH="1">
                <a:off x="4147691" y="3172078"/>
                <a:ext cx="152895" cy="192197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7" name="Straight Connector 156"/>
              <p:cNvCxnSpPr/>
              <p:nvPr/>
            </p:nvCxnSpPr>
            <p:spPr>
              <a:xfrm>
                <a:off x="4300585" y="3172078"/>
                <a:ext cx="102018" cy="19629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8" name="Oval 157"/>
              <p:cNvSpPr/>
              <p:nvPr/>
            </p:nvSpPr>
            <p:spPr>
              <a:xfrm>
                <a:off x="4412478" y="3230564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59" name="Oval 158"/>
              <p:cNvSpPr/>
              <p:nvPr/>
            </p:nvSpPr>
            <p:spPr>
              <a:xfrm>
                <a:off x="4220356" y="3425193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0" name="Oval 159"/>
              <p:cNvSpPr/>
              <p:nvPr/>
            </p:nvSpPr>
            <p:spPr>
              <a:xfrm>
                <a:off x="4309673" y="3425460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1" name="Oval 160"/>
              <p:cNvSpPr/>
              <p:nvPr/>
            </p:nvSpPr>
            <p:spPr>
              <a:xfrm>
                <a:off x="4139251" y="3356672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2" name="Oval 161"/>
              <p:cNvSpPr/>
              <p:nvPr/>
            </p:nvSpPr>
            <p:spPr>
              <a:xfrm>
                <a:off x="4395599" y="3184216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3" name="Oval 162"/>
              <p:cNvSpPr/>
              <p:nvPr/>
            </p:nvSpPr>
            <p:spPr>
              <a:xfrm>
                <a:off x="4291758" y="3163947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</p:grpSp>
      <p:sp>
        <p:nvSpPr>
          <p:cNvPr id="28" name="Oval 27"/>
          <p:cNvSpPr/>
          <p:nvPr/>
        </p:nvSpPr>
        <p:spPr>
          <a:xfrm>
            <a:off x="5590031" y="3038902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16" name="TextBox 215"/>
          <p:cNvSpPr txBox="1"/>
          <p:nvPr/>
        </p:nvSpPr>
        <p:spPr>
          <a:xfrm>
            <a:off x="1700849" y="5562555"/>
            <a:ext cx="3317694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 : 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cykel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Træk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sammen til en knude</a:t>
            </a:r>
            <a:endParaRPr lang="da-DK" b="1" dirty="0">
              <a:solidFill>
                <a:srgbClr val="00B050"/>
              </a:solidFill>
            </a:endParaRPr>
          </a:p>
        </p:txBody>
      </p:sp>
      <p:sp>
        <p:nvSpPr>
          <p:cNvPr id="278" name="Title 1"/>
          <p:cNvSpPr>
            <a:spLocks noGrp="1"/>
          </p:cNvSpPr>
          <p:nvPr>
            <p:ph type="title"/>
          </p:nvPr>
        </p:nvSpPr>
        <p:spPr>
          <a:xfrm>
            <a:off x="1524000" y="274638"/>
            <a:ext cx="9144000" cy="1143000"/>
          </a:xfrm>
        </p:spPr>
        <p:txBody>
          <a:bodyPr>
            <a:normAutofit/>
          </a:bodyPr>
          <a:lstStyle/>
          <a:p>
            <a:r>
              <a:rPr lang="da-DK" dirty="0"/>
              <a:t>Stærke Sammenhængskomponenter</a:t>
            </a:r>
          </a:p>
        </p:txBody>
      </p:sp>
      <p:cxnSp>
        <p:nvCxnSpPr>
          <p:cNvPr id="255" name="Straight Connector 18"/>
          <p:cNvCxnSpPr/>
          <p:nvPr/>
        </p:nvCxnSpPr>
        <p:spPr>
          <a:xfrm>
            <a:off x="5547547" y="4968121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Straight Connector 183"/>
          <p:cNvCxnSpPr/>
          <p:nvPr/>
        </p:nvCxnSpPr>
        <p:spPr>
          <a:xfrm>
            <a:off x="4802485" y="4819748"/>
            <a:ext cx="946387" cy="32478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1" name="Oval 129"/>
          <p:cNvSpPr>
            <a:spLocks noChangeAspect="1"/>
          </p:cNvSpPr>
          <p:nvPr/>
        </p:nvSpPr>
        <p:spPr>
          <a:xfrm>
            <a:off x="7209905" y="4613331"/>
            <a:ext cx="630000" cy="630000"/>
          </a:xfrm>
          <a:prstGeom prst="ellipse">
            <a:avLst/>
          </a:prstGeom>
          <a:solidFill>
            <a:schemeClr val="accent1">
              <a:lumMod val="40000"/>
              <a:lumOff val="60000"/>
            </a:schemeClr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312" name="Group 130"/>
          <p:cNvGrpSpPr/>
          <p:nvPr/>
        </p:nvGrpSpPr>
        <p:grpSpPr>
          <a:xfrm>
            <a:off x="7293763" y="4754676"/>
            <a:ext cx="462368" cy="356044"/>
            <a:chOff x="4412916" y="3219606"/>
            <a:chExt cx="462368" cy="356044"/>
          </a:xfrm>
          <a:solidFill>
            <a:schemeClr val="accent1">
              <a:lumMod val="40000"/>
              <a:lumOff val="60000"/>
            </a:schemeClr>
          </a:solidFill>
        </p:grpSpPr>
        <p:cxnSp>
          <p:nvCxnSpPr>
            <p:cNvPr id="313" name="Straight Connector 131"/>
            <p:cNvCxnSpPr/>
            <p:nvPr/>
          </p:nvCxnSpPr>
          <p:spPr>
            <a:xfrm flipV="1">
              <a:off x="4709443" y="3391962"/>
              <a:ext cx="157401" cy="174367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4" name="Straight Connector 132"/>
            <p:cNvCxnSpPr/>
            <p:nvPr/>
          </p:nvCxnSpPr>
          <p:spPr>
            <a:xfrm flipH="1" flipV="1">
              <a:off x="4591128" y="3489262"/>
              <a:ext cx="118315" cy="77067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5" name="Straight Connector 133"/>
            <p:cNvCxnSpPr/>
            <p:nvPr/>
          </p:nvCxnSpPr>
          <p:spPr>
            <a:xfrm flipH="1" flipV="1">
              <a:off x="4696018" y="3294662"/>
              <a:ext cx="170827" cy="95016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6" name="Straight Connector 134"/>
            <p:cNvCxnSpPr/>
            <p:nvPr/>
          </p:nvCxnSpPr>
          <p:spPr>
            <a:xfrm flipH="1" flipV="1">
              <a:off x="4676268" y="3247366"/>
              <a:ext cx="19750" cy="47296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7" name="Straight Connector 135"/>
            <p:cNvCxnSpPr/>
            <p:nvPr/>
          </p:nvCxnSpPr>
          <p:spPr>
            <a:xfrm flipV="1">
              <a:off x="4591128" y="3294662"/>
              <a:ext cx="104890" cy="194600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8" name="Straight Connector 136"/>
            <p:cNvCxnSpPr/>
            <p:nvPr/>
          </p:nvCxnSpPr>
          <p:spPr>
            <a:xfrm flipH="1">
              <a:off x="4503620" y="3489262"/>
              <a:ext cx="87721" cy="0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9" name="Straight Connector 137"/>
            <p:cNvCxnSpPr/>
            <p:nvPr/>
          </p:nvCxnSpPr>
          <p:spPr>
            <a:xfrm flipH="1" flipV="1">
              <a:off x="4421356" y="3419934"/>
              <a:ext cx="82264" cy="69328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0" name="Straight Connector 138"/>
            <p:cNvCxnSpPr/>
            <p:nvPr/>
          </p:nvCxnSpPr>
          <p:spPr>
            <a:xfrm flipH="1">
              <a:off x="4421356" y="3227737"/>
              <a:ext cx="152895" cy="192197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1" name="Straight Connector 139"/>
            <p:cNvCxnSpPr/>
            <p:nvPr/>
          </p:nvCxnSpPr>
          <p:spPr>
            <a:xfrm>
              <a:off x="4574250" y="3227737"/>
              <a:ext cx="102018" cy="19629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2" name="Oval 140"/>
            <p:cNvSpPr/>
            <p:nvPr/>
          </p:nvSpPr>
          <p:spPr>
            <a:xfrm>
              <a:off x="4686143" y="3286223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3" name="Oval 141"/>
            <p:cNvSpPr/>
            <p:nvPr/>
          </p:nvSpPr>
          <p:spPr>
            <a:xfrm>
              <a:off x="4494021" y="3480852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4" name="Oval 142"/>
            <p:cNvSpPr/>
            <p:nvPr/>
          </p:nvSpPr>
          <p:spPr>
            <a:xfrm>
              <a:off x="4583338" y="3481119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5" name="Oval 143"/>
            <p:cNvSpPr/>
            <p:nvPr/>
          </p:nvSpPr>
          <p:spPr>
            <a:xfrm>
              <a:off x="4412916" y="3412331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6" name="Oval 144"/>
            <p:cNvSpPr/>
            <p:nvPr/>
          </p:nvSpPr>
          <p:spPr>
            <a:xfrm>
              <a:off x="4701004" y="3558771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7" name="Oval 145"/>
            <p:cNvSpPr/>
            <p:nvPr/>
          </p:nvSpPr>
          <p:spPr>
            <a:xfrm>
              <a:off x="4669264" y="3239875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8" name="Oval 146"/>
            <p:cNvSpPr/>
            <p:nvPr/>
          </p:nvSpPr>
          <p:spPr>
            <a:xfrm>
              <a:off x="4565423" y="3219606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9" name="Oval 147"/>
            <p:cNvSpPr/>
            <p:nvPr/>
          </p:nvSpPr>
          <p:spPr>
            <a:xfrm>
              <a:off x="4858405" y="3382240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cxnSp>
        <p:nvCxnSpPr>
          <p:cNvPr id="330" name="Straight Connector 205"/>
          <p:cNvCxnSpPr>
            <a:stCxn id="346" idx="6"/>
          </p:cNvCxnSpPr>
          <p:nvPr/>
        </p:nvCxnSpPr>
        <p:spPr>
          <a:xfrm flipV="1">
            <a:off x="5850431" y="5014720"/>
            <a:ext cx="1372240" cy="15375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1" name="Straight Connector 206"/>
          <p:cNvCxnSpPr>
            <a:endCxn id="332" idx="6"/>
          </p:cNvCxnSpPr>
          <p:nvPr/>
        </p:nvCxnSpPr>
        <p:spPr>
          <a:xfrm flipH="1" flipV="1">
            <a:off x="4828843" y="4679344"/>
            <a:ext cx="2388391" cy="18569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2" name="Oval 114"/>
          <p:cNvSpPr>
            <a:spLocks noChangeAspect="1"/>
          </p:cNvSpPr>
          <p:nvPr/>
        </p:nvSpPr>
        <p:spPr>
          <a:xfrm>
            <a:off x="4200358" y="4365104"/>
            <a:ext cx="628480" cy="628480"/>
          </a:xfrm>
          <a:prstGeom prst="ellipse">
            <a:avLst/>
          </a:prstGeom>
          <a:solidFill>
            <a:schemeClr val="accent3">
              <a:lumMod val="40000"/>
              <a:lumOff val="60000"/>
            </a:schemeClr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333" name="Group 115"/>
          <p:cNvGrpSpPr/>
          <p:nvPr/>
        </p:nvGrpSpPr>
        <p:grpSpPr>
          <a:xfrm>
            <a:off x="4358542" y="4546867"/>
            <a:ext cx="313141" cy="271113"/>
            <a:chOff x="3707904" y="2636912"/>
            <a:chExt cx="313141" cy="271113"/>
          </a:xfrm>
        </p:grpSpPr>
        <p:cxnSp>
          <p:nvCxnSpPr>
            <p:cNvPr id="334" name="Straight Connector 116"/>
            <p:cNvCxnSpPr/>
            <p:nvPr/>
          </p:nvCxnSpPr>
          <p:spPr>
            <a:xfrm flipH="1" flipV="1">
              <a:off x="3715397" y="2787602"/>
              <a:ext cx="61170" cy="100713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5" name="Straight Connector 117"/>
            <p:cNvCxnSpPr/>
            <p:nvPr/>
          </p:nvCxnSpPr>
          <p:spPr>
            <a:xfrm flipH="1">
              <a:off x="3715397" y="2644900"/>
              <a:ext cx="72974" cy="142702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6" name="Straight Connector 118"/>
            <p:cNvCxnSpPr/>
            <p:nvPr/>
          </p:nvCxnSpPr>
          <p:spPr>
            <a:xfrm>
              <a:off x="3776567" y="2888884"/>
              <a:ext cx="35988" cy="1350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7" name="Straight Connector 119"/>
            <p:cNvCxnSpPr/>
            <p:nvPr/>
          </p:nvCxnSpPr>
          <p:spPr>
            <a:xfrm flipV="1">
              <a:off x="3811055" y="2798593"/>
              <a:ext cx="201323" cy="103799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8" name="Straight Connector 120"/>
            <p:cNvCxnSpPr/>
            <p:nvPr/>
          </p:nvCxnSpPr>
          <p:spPr>
            <a:xfrm>
              <a:off x="3788371" y="2644900"/>
              <a:ext cx="209020" cy="8024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9" name="Straight Connector 121"/>
            <p:cNvCxnSpPr/>
            <p:nvPr/>
          </p:nvCxnSpPr>
          <p:spPr>
            <a:xfrm>
              <a:off x="3997391" y="2725140"/>
              <a:ext cx="16720" cy="7435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0" name="Oval 122"/>
            <p:cNvSpPr/>
            <p:nvPr/>
          </p:nvSpPr>
          <p:spPr>
            <a:xfrm>
              <a:off x="3804116" y="2891146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1" name="Oval 123"/>
            <p:cNvSpPr/>
            <p:nvPr/>
          </p:nvSpPr>
          <p:spPr>
            <a:xfrm>
              <a:off x="3768128" y="2879875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2" name="Oval 124"/>
            <p:cNvSpPr/>
            <p:nvPr/>
          </p:nvSpPr>
          <p:spPr>
            <a:xfrm>
              <a:off x="3707904" y="277966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3" name="Oval 125"/>
            <p:cNvSpPr/>
            <p:nvPr/>
          </p:nvSpPr>
          <p:spPr>
            <a:xfrm>
              <a:off x="3779932" y="2636912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4" name="Oval 126"/>
            <p:cNvSpPr/>
            <p:nvPr/>
          </p:nvSpPr>
          <p:spPr>
            <a:xfrm>
              <a:off x="3988872" y="271530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5" name="Oval 127"/>
            <p:cNvSpPr/>
            <p:nvPr/>
          </p:nvSpPr>
          <p:spPr>
            <a:xfrm>
              <a:off x="4004166" y="2791059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346" name="Oval 27"/>
          <p:cNvSpPr/>
          <p:nvPr/>
        </p:nvSpPr>
        <p:spPr>
          <a:xfrm>
            <a:off x="5742431" y="5114474"/>
            <a:ext cx="108000" cy="108000"/>
          </a:xfrm>
          <a:prstGeom prst="ellipse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Nedadgående pil 1"/>
          <p:cNvSpPr/>
          <p:nvPr/>
        </p:nvSpPr>
        <p:spPr>
          <a:xfrm>
            <a:off x="5742431" y="3480144"/>
            <a:ext cx="794120" cy="884960"/>
          </a:xfrm>
          <a:prstGeom prst="downArrow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6047877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842039" y="4509120"/>
            <a:ext cx="1636095" cy="504056"/>
          </a:xfrm>
        </p:spPr>
        <p:txBody>
          <a:bodyPr>
            <a:normAutofit fontScale="90000"/>
          </a:bodyPr>
          <a:lstStyle/>
          <a:p>
            <a:pPr algn="l"/>
            <a:r>
              <a:rPr lang="da-DK" sz="2000" dirty="0">
                <a:solidFill>
                  <a:schemeClr val="tx1"/>
                </a:solidFill>
              </a:rPr>
              <a:t>xkcd.com/754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61358" y="2102152"/>
            <a:ext cx="8820472" cy="24069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10449753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0" name="Group 79"/>
          <p:cNvGrpSpPr/>
          <p:nvPr/>
        </p:nvGrpSpPr>
        <p:grpSpPr>
          <a:xfrm>
            <a:off x="3700935" y="1576860"/>
            <a:ext cx="4563527" cy="2136253"/>
            <a:chOff x="1681064" y="1588730"/>
            <a:chExt cx="4563527" cy="2136253"/>
          </a:xfrm>
        </p:grpSpPr>
        <p:sp>
          <p:nvSpPr>
            <p:cNvPr id="71" name="TextBox 70"/>
            <p:cNvSpPr txBox="1"/>
            <p:nvPr/>
          </p:nvSpPr>
          <p:spPr>
            <a:xfrm>
              <a:off x="2975710" y="3197210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5/</a:t>
              </a:r>
            </a:p>
          </p:txBody>
        </p:sp>
        <p:sp>
          <p:nvSpPr>
            <p:cNvPr id="68" name="TextBox 67"/>
            <p:cNvSpPr txBox="1"/>
            <p:nvPr/>
          </p:nvSpPr>
          <p:spPr>
            <a:xfrm>
              <a:off x="1743623" y="3036841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5/</a:t>
              </a:r>
            </a:p>
          </p:txBody>
        </p:sp>
        <p:sp>
          <p:nvSpPr>
            <p:cNvPr id="69" name="TextBox 68"/>
            <p:cNvSpPr txBox="1"/>
            <p:nvPr/>
          </p:nvSpPr>
          <p:spPr>
            <a:xfrm>
              <a:off x="1681064" y="209265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0" name="TextBox 69"/>
            <p:cNvSpPr txBox="1"/>
            <p:nvPr/>
          </p:nvSpPr>
          <p:spPr>
            <a:xfrm>
              <a:off x="2827906" y="1588730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2" name="TextBox 71"/>
            <p:cNvSpPr txBox="1"/>
            <p:nvPr/>
          </p:nvSpPr>
          <p:spPr>
            <a:xfrm>
              <a:off x="3756059" y="299695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3" name="TextBox 72"/>
            <p:cNvSpPr txBox="1"/>
            <p:nvPr/>
          </p:nvSpPr>
          <p:spPr>
            <a:xfrm>
              <a:off x="3272142" y="2252704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3/</a:t>
              </a:r>
            </a:p>
          </p:txBody>
        </p:sp>
        <p:sp>
          <p:nvSpPr>
            <p:cNvPr id="74" name="TextBox 73"/>
            <p:cNvSpPr txBox="1"/>
            <p:nvPr/>
          </p:nvSpPr>
          <p:spPr>
            <a:xfrm>
              <a:off x="4175993" y="162514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5/</a:t>
              </a:r>
            </a:p>
          </p:txBody>
        </p:sp>
        <p:sp>
          <p:nvSpPr>
            <p:cNvPr id="76" name="TextBox 75"/>
            <p:cNvSpPr txBox="1"/>
            <p:nvPr/>
          </p:nvSpPr>
          <p:spPr>
            <a:xfrm>
              <a:off x="5648462" y="1769793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3/</a:t>
              </a:r>
            </a:p>
          </p:txBody>
        </p:sp>
        <p:sp>
          <p:nvSpPr>
            <p:cNvPr id="77" name="TextBox 76"/>
            <p:cNvSpPr txBox="1"/>
            <p:nvPr/>
          </p:nvSpPr>
          <p:spPr>
            <a:xfrm>
              <a:off x="4457350" y="2320918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8" name="TextBox 77"/>
            <p:cNvSpPr txBox="1"/>
            <p:nvPr/>
          </p:nvSpPr>
          <p:spPr>
            <a:xfrm>
              <a:off x="4564049" y="3324873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4/</a:t>
              </a:r>
            </a:p>
          </p:txBody>
        </p:sp>
        <p:sp>
          <p:nvSpPr>
            <p:cNvPr id="79" name="TextBox 78"/>
            <p:cNvSpPr txBox="1"/>
            <p:nvPr/>
          </p:nvSpPr>
          <p:spPr>
            <a:xfrm>
              <a:off x="5416031" y="270526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4/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Strømninger i Netvær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277790" y="4365104"/>
            <a:ext cx="6058570" cy="1196516"/>
          </a:xfrm>
        </p:spPr>
        <p:txBody>
          <a:bodyPr>
            <a:normAutofit/>
          </a:bodyPr>
          <a:lstStyle/>
          <a:p>
            <a:r>
              <a:rPr lang="da-DK" dirty="0"/>
              <a:t>Hver kant har en </a:t>
            </a:r>
            <a:r>
              <a:rPr lang="da-DK" b="1" dirty="0">
                <a:solidFill>
                  <a:srgbClr val="C00000"/>
                </a:solidFill>
              </a:rPr>
              <a:t>kapacitet</a:t>
            </a:r>
          </a:p>
          <a:p>
            <a:r>
              <a:rPr lang="da-DK" dirty="0"/>
              <a:t>Send størst mulig </a:t>
            </a:r>
            <a:r>
              <a:rPr lang="da-DK" b="1" dirty="0">
                <a:solidFill>
                  <a:schemeClr val="tx2"/>
                </a:solidFill>
              </a:rPr>
              <a:t>værdi</a:t>
            </a:r>
            <a:r>
              <a:rPr lang="da-DK" dirty="0">
                <a:solidFill>
                  <a:schemeClr val="tx2"/>
                </a:solidFill>
              </a:rPr>
              <a:t> </a:t>
            </a:r>
            <a:r>
              <a:rPr lang="da-DK" dirty="0"/>
              <a:t>fra </a:t>
            </a:r>
            <a:r>
              <a:rPr lang="da-DK" b="1" dirty="0">
                <a:solidFill>
                  <a:srgbClr val="C00000"/>
                </a:solidFill>
              </a:rPr>
              <a:t>s</a:t>
            </a:r>
            <a:r>
              <a:rPr lang="da-DK" dirty="0"/>
              <a:t> til </a:t>
            </a:r>
            <a:r>
              <a:rPr lang="da-DK" b="1" dirty="0">
                <a:solidFill>
                  <a:srgbClr val="C00000"/>
                </a:solidFill>
              </a:rPr>
              <a:t>t</a:t>
            </a:r>
            <a:endParaRPr lang="da-DK" sz="2400" dirty="0"/>
          </a:p>
        </p:txBody>
      </p:sp>
      <p:cxnSp>
        <p:nvCxnSpPr>
          <p:cNvPr id="7" name="Straight Connector 6"/>
          <p:cNvCxnSpPr/>
          <p:nvPr/>
        </p:nvCxnSpPr>
        <p:spPr>
          <a:xfrm flipH="1">
            <a:off x="5761007" y="1958900"/>
            <a:ext cx="1696674" cy="5278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 flipH="1" flipV="1">
            <a:off x="3967782" y="2822216"/>
            <a:ext cx="592578" cy="676358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 flipV="1">
            <a:off x="3979914" y="1948075"/>
            <a:ext cx="437322" cy="874643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V="1">
            <a:off x="4579867" y="2892549"/>
            <a:ext cx="1288189" cy="664175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 flipV="1">
            <a:off x="7604174" y="2380688"/>
            <a:ext cx="671150" cy="124517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 flipH="1" flipV="1">
            <a:off x="6532288" y="3204376"/>
            <a:ext cx="1073249" cy="421484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 flipH="1">
            <a:off x="6517861" y="1952456"/>
            <a:ext cx="978316" cy="12298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 flipH="1" flipV="1">
            <a:off x="7502347" y="1956026"/>
            <a:ext cx="723569" cy="397565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/>
          <p:nvPr/>
        </p:nvCxnSpPr>
        <p:spPr>
          <a:xfrm flipH="1" flipV="1">
            <a:off x="4433139" y="1916265"/>
            <a:ext cx="1280160" cy="7951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/>
        </p:nvCxnSpPr>
        <p:spPr>
          <a:xfrm>
            <a:off x="5745104" y="1995782"/>
            <a:ext cx="134034" cy="902561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/>
          <p:cNvCxnSpPr>
            <a:stCxn id="40" idx="6"/>
          </p:cNvCxnSpPr>
          <p:nvPr/>
        </p:nvCxnSpPr>
        <p:spPr>
          <a:xfrm>
            <a:off x="5923509" y="2898338"/>
            <a:ext cx="594357" cy="28391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val 25"/>
          <p:cNvSpPr/>
          <p:nvPr/>
        </p:nvSpPr>
        <p:spPr>
          <a:xfrm>
            <a:off x="4535461" y="3484761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9" name="Oval 28"/>
          <p:cNvSpPr/>
          <p:nvPr/>
        </p:nvSpPr>
        <p:spPr>
          <a:xfrm>
            <a:off x="7554325" y="3573759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0" name="Oval 29"/>
          <p:cNvSpPr/>
          <p:nvPr/>
        </p:nvSpPr>
        <p:spPr>
          <a:xfrm>
            <a:off x="3919834" y="2771423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1" name="Oval 30"/>
          <p:cNvSpPr/>
          <p:nvPr/>
        </p:nvSpPr>
        <p:spPr>
          <a:xfrm>
            <a:off x="4380716" y="185800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3" name="Oval 32"/>
          <p:cNvSpPr/>
          <p:nvPr/>
        </p:nvSpPr>
        <p:spPr>
          <a:xfrm>
            <a:off x="6463862" y="3133606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5" name="Oval 34"/>
          <p:cNvSpPr/>
          <p:nvPr/>
        </p:nvSpPr>
        <p:spPr>
          <a:xfrm>
            <a:off x="8212138" y="232668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7" name="Oval 36"/>
          <p:cNvSpPr/>
          <p:nvPr/>
        </p:nvSpPr>
        <p:spPr>
          <a:xfrm>
            <a:off x="7439694" y="1900432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8" name="Oval 37"/>
          <p:cNvSpPr/>
          <p:nvPr/>
        </p:nvSpPr>
        <p:spPr>
          <a:xfrm>
            <a:off x="5707504" y="1939801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0" name="Oval 39"/>
          <p:cNvSpPr/>
          <p:nvPr/>
        </p:nvSpPr>
        <p:spPr>
          <a:xfrm>
            <a:off x="5815504" y="284433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5" name="TextBox 54"/>
          <p:cNvSpPr txBox="1"/>
          <p:nvPr/>
        </p:nvSpPr>
        <p:spPr>
          <a:xfrm>
            <a:off x="3627668" y="2564909"/>
            <a:ext cx="3080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>
                <a:solidFill>
                  <a:srgbClr val="C00000"/>
                </a:solidFill>
              </a:rPr>
              <a:t>s</a:t>
            </a:r>
          </a:p>
        </p:txBody>
      </p:sp>
      <p:sp>
        <p:nvSpPr>
          <p:cNvPr id="56" name="TextBox 55"/>
          <p:cNvSpPr txBox="1"/>
          <p:nvPr/>
        </p:nvSpPr>
        <p:spPr>
          <a:xfrm>
            <a:off x="8308188" y="2132861"/>
            <a:ext cx="3080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>
                <a:solidFill>
                  <a:srgbClr val="C00000"/>
                </a:solidFill>
              </a:rPr>
              <a:t>t</a:t>
            </a:r>
          </a:p>
        </p:txBody>
      </p:sp>
      <p:sp>
        <p:nvSpPr>
          <p:cNvPr id="57" name="TextBox 56"/>
          <p:cNvSpPr txBox="1"/>
          <p:nvPr/>
        </p:nvSpPr>
        <p:spPr>
          <a:xfrm>
            <a:off x="3915700" y="2092786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2</a:t>
            </a:r>
          </a:p>
        </p:txBody>
      </p:sp>
      <p:sp>
        <p:nvSpPr>
          <p:cNvPr id="58" name="TextBox 57"/>
          <p:cNvSpPr txBox="1"/>
          <p:nvPr/>
        </p:nvSpPr>
        <p:spPr>
          <a:xfrm>
            <a:off x="5047763" y="158873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4</a:t>
            </a:r>
          </a:p>
        </p:txBody>
      </p:sp>
      <p:sp>
        <p:nvSpPr>
          <p:cNvPr id="59" name="TextBox 58"/>
          <p:cNvSpPr txBox="1"/>
          <p:nvPr/>
        </p:nvSpPr>
        <p:spPr>
          <a:xfrm>
            <a:off x="6415915" y="162880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7</a:t>
            </a:r>
          </a:p>
        </p:txBody>
      </p:sp>
      <p:sp>
        <p:nvSpPr>
          <p:cNvPr id="60" name="TextBox 59"/>
          <p:cNvSpPr txBox="1"/>
          <p:nvPr/>
        </p:nvSpPr>
        <p:spPr>
          <a:xfrm>
            <a:off x="7876140" y="1772816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3</a:t>
            </a:r>
          </a:p>
        </p:txBody>
      </p:sp>
      <p:sp>
        <p:nvSpPr>
          <p:cNvPr id="61" name="TextBox 60"/>
          <p:cNvSpPr txBox="1"/>
          <p:nvPr/>
        </p:nvSpPr>
        <p:spPr>
          <a:xfrm>
            <a:off x="7660116" y="270892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5</a:t>
            </a:r>
          </a:p>
        </p:txBody>
      </p:sp>
      <p:sp>
        <p:nvSpPr>
          <p:cNvPr id="62" name="TextBox 61"/>
          <p:cNvSpPr txBox="1"/>
          <p:nvPr/>
        </p:nvSpPr>
        <p:spPr>
          <a:xfrm>
            <a:off x="6796020" y="3327375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4</a:t>
            </a:r>
          </a:p>
        </p:txBody>
      </p:sp>
      <p:sp>
        <p:nvSpPr>
          <p:cNvPr id="63" name="TextBox 62"/>
          <p:cNvSpPr txBox="1"/>
          <p:nvPr/>
        </p:nvSpPr>
        <p:spPr>
          <a:xfrm>
            <a:off x="5983867" y="2996952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2</a:t>
            </a:r>
          </a:p>
        </p:txBody>
      </p:sp>
      <p:sp>
        <p:nvSpPr>
          <p:cNvPr id="64" name="TextBox 63"/>
          <p:cNvSpPr txBox="1"/>
          <p:nvPr/>
        </p:nvSpPr>
        <p:spPr>
          <a:xfrm>
            <a:off x="5219795" y="3205025"/>
            <a:ext cx="33890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7</a:t>
            </a:r>
          </a:p>
        </p:txBody>
      </p:sp>
      <p:sp>
        <p:nvSpPr>
          <p:cNvPr id="65" name="TextBox 64"/>
          <p:cNvSpPr txBox="1"/>
          <p:nvPr/>
        </p:nvSpPr>
        <p:spPr>
          <a:xfrm>
            <a:off x="3987708" y="3039343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6</a:t>
            </a:r>
          </a:p>
        </p:txBody>
      </p:sp>
      <p:sp>
        <p:nvSpPr>
          <p:cNvPr id="66" name="TextBox 65"/>
          <p:cNvSpPr txBox="1"/>
          <p:nvPr/>
        </p:nvSpPr>
        <p:spPr>
          <a:xfrm>
            <a:off x="6703947" y="230881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6</a:t>
            </a:r>
          </a:p>
        </p:txBody>
      </p:sp>
      <p:sp>
        <p:nvSpPr>
          <p:cNvPr id="67" name="TextBox 66"/>
          <p:cNvSpPr txBox="1"/>
          <p:nvPr/>
        </p:nvSpPr>
        <p:spPr>
          <a:xfrm>
            <a:off x="5499876" y="2247255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3</a:t>
            </a:r>
          </a:p>
        </p:txBody>
      </p:sp>
      <p:sp>
        <p:nvSpPr>
          <p:cNvPr id="81" name="TextBox 80"/>
          <p:cNvSpPr txBox="1"/>
          <p:nvPr/>
        </p:nvSpPr>
        <p:spPr>
          <a:xfrm>
            <a:off x="7919026" y="3068960"/>
            <a:ext cx="271348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>
                <a:solidFill>
                  <a:schemeClr val="tx2"/>
                </a:solidFill>
              </a:rPr>
              <a:t>Værdi af strømning= 7</a:t>
            </a:r>
          </a:p>
        </p:txBody>
      </p:sp>
      <p:sp>
        <p:nvSpPr>
          <p:cNvPr id="82" name="Content Placeholder 2"/>
          <p:cNvSpPr txBox="1">
            <a:spLocks/>
          </p:cNvSpPr>
          <p:nvPr/>
        </p:nvSpPr>
        <p:spPr>
          <a:xfrm>
            <a:off x="0" y="5974040"/>
            <a:ext cx="12191999" cy="83933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2400" dirty="0"/>
              <a:t>(f.eks. vand, kloak, fjernvarme, vejnet kapacitet, el netværk)</a:t>
            </a:r>
          </a:p>
        </p:txBody>
      </p:sp>
    </p:spTree>
    <p:extLst>
      <p:ext uri="{BB962C8B-B14F-4D97-AF65-F5344CB8AC3E}">
        <p14:creationId xmlns:p14="http://schemas.microsoft.com/office/powerpoint/2010/main" val="18074916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1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5" name="Straight Connector 144"/>
          <p:cNvCxnSpPr/>
          <p:nvPr/>
        </p:nvCxnSpPr>
        <p:spPr>
          <a:xfrm>
            <a:off x="5706701" y="3372416"/>
            <a:ext cx="950614" cy="44362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2" name="Group 31"/>
          <p:cNvGrpSpPr/>
          <p:nvPr/>
        </p:nvGrpSpPr>
        <p:grpSpPr>
          <a:xfrm>
            <a:off x="1975645" y="1268760"/>
            <a:ext cx="8151425" cy="3352438"/>
            <a:chOff x="-4051091" y="7300398"/>
            <a:chExt cx="8151425" cy="3352438"/>
          </a:xfrm>
        </p:grpSpPr>
        <p:cxnSp>
          <p:nvCxnSpPr>
            <p:cNvPr id="112" name="Straight Connector 111"/>
            <p:cNvCxnSpPr/>
            <p:nvPr/>
          </p:nvCxnSpPr>
          <p:spPr>
            <a:xfrm flipH="1">
              <a:off x="-598811" y="7740921"/>
              <a:ext cx="2931789" cy="9120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" name="Straight Connector 112"/>
            <p:cNvCxnSpPr/>
            <p:nvPr/>
          </p:nvCxnSpPr>
          <p:spPr>
            <a:xfrm flipH="1" flipV="1">
              <a:off x="-3697436" y="9232698"/>
              <a:ext cx="1023952" cy="116872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" name="Straight Connector 113"/>
            <p:cNvCxnSpPr/>
            <p:nvPr/>
          </p:nvCxnSpPr>
          <p:spPr>
            <a:xfrm flipV="1">
              <a:off x="-3676473" y="7722207"/>
              <a:ext cx="755676" cy="151135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 flipV="1">
              <a:off x="-2639785" y="9385947"/>
              <a:ext cx="2179426" cy="111594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/>
            <p:cNvCxnSpPr/>
            <p:nvPr/>
          </p:nvCxnSpPr>
          <p:spPr>
            <a:xfrm flipV="1">
              <a:off x="2586112" y="8539448"/>
              <a:ext cx="1127177" cy="208191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 flipH="1" flipV="1">
              <a:off x="733925" y="9893056"/>
              <a:ext cx="1815994" cy="6924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>
              <a:endCxn id="127" idx="7"/>
            </p:cNvCxnSpPr>
            <p:nvPr/>
          </p:nvCxnSpPr>
          <p:spPr>
            <a:xfrm flipH="1">
              <a:off x="751819" y="7729786"/>
              <a:ext cx="1647679" cy="2107103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 flipH="1" flipV="1">
              <a:off x="2410150" y="7735946"/>
              <a:ext cx="1250300" cy="68697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 flipH="1" flipV="1">
              <a:off x="-2893317" y="7667250"/>
              <a:ext cx="2212068" cy="137394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-626291" y="7804643"/>
              <a:ext cx="231606" cy="155959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2" name="TextBox 131"/>
            <p:cNvSpPr txBox="1"/>
            <p:nvPr/>
          </p:nvSpPr>
          <p:spPr>
            <a:xfrm>
              <a:off x="-4051091" y="8957652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s</a:t>
              </a:r>
            </a:p>
          </p:txBody>
        </p:sp>
        <p:sp>
          <p:nvSpPr>
            <p:cNvPr id="133" name="TextBox 132"/>
            <p:cNvSpPr txBox="1"/>
            <p:nvPr/>
          </p:nvSpPr>
          <p:spPr>
            <a:xfrm>
              <a:off x="3834145" y="8206885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t</a:t>
              </a:r>
            </a:p>
          </p:txBody>
        </p:sp>
        <p:sp>
          <p:nvSpPr>
            <p:cNvPr id="134" name="TextBox 133"/>
            <p:cNvSpPr txBox="1"/>
            <p:nvPr/>
          </p:nvSpPr>
          <p:spPr>
            <a:xfrm>
              <a:off x="-3665459" y="817138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35" name="TextBox 134"/>
            <p:cNvSpPr txBox="1"/>
            <p:nvPr/>
          </p:nvSpPr>
          <p:spPr>
            <a:xfrm>
              <a:off x="-1709297" y="730039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36" name="TextBox 135"/>
            <p:cNvSpPr txBox="1"/>
            <p:nvPr/>
          </p:nvSpPr>
          <p:spPr>
            <a:xfrm>
              <a:off x="654819" y="736963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37" name="TextBox 136"/>
            <p:cNvSpPr txBox="1"/>
            <p:nvPr/>
          </p:nvSpPr>
          <p:spPr>
            <a:xfrm>
              <a:off x="2887270" y="809248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  <p:sp>
          <p:nvSpPr>
            <p:cNvPr id="138" name="TextBox 137"/>
            <p:cNvSpPr txBox="1"/>
            <p:nvPr/>
          </p:nvSpPr>
          <p:spPr>
            <a:xfrm>
              <a:off x="2743253" y="942056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5</a:t>
              </a:r>
            </a:p>
          </p:txBody>
        </p:sp>
        <p:sp>
          <p:nvSpPr>
            <p:cNvPr id="139" name="TextBox 138"/>
            <p:cNvSpPr txBox="1"/>
            <p:nvPr/>
          </p:nvSpPr>
          <p:spPr>
            <a:xfrm>
              <a:off x="1540961" y="1025272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40" name="TextBox 139"/>
            <p:cNvSpPr txBox="1"/>
            <p:nvPr/>
          </p:nvSpPr>
          <p:spPr>
            <a:xfrm>
              <a:off x="-123276" y="9733752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41" name="TextBox 140"/>
            <p:cNvSpPr txBox="1"/>
            <p:nvPr/>
          </p:nvSpPr>
          <p:spPr>
            <a:xfrm>
              <a:off x="-1696532" y="9492575"/>
              <a:ext cx="29280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42" name="TextBox 141"/>
            <p:cNvSpPr txBox="1"/>
            <p:nvPr/>
          </p:nvSpPr>
          <p:spPr>
            <a:xfrm>
              <a:off x="-3427591" y="985261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3" name="TextBox 142"/>
            <p:cNvSpPr txBox="1"/>
            <p:nvPr/>
          </p:nvSpPr>
          <p:spPr>
            <a:xfrm>
              <a:off x="1152527" y="854466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4" name="TextBox 143"/>
            <p:cNvSpPr txBox="1"/>
            <p:nvPr/>
          </p:nvSpPr>
          <p:spPr>
            <a:xfrm>
              <a:off x="-928062" y="843830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260648"/>
            <a:ext cx="9160758" cy="1143000"/>
          </a:xfrm>
        </p:spPr>
        <p:txBody>
          <a:bodyPr>
            <a:normAutofit/>
          </a:bodyPr>
          <a:lstStyle/>
          <a:p>
            <a:r>
              <a:rPr lang="da-DK" dirty="0"/>
              <a:t>Beregning af Strømninger i Netværk</a:t>
            </a:r>
          </a:p>
        </p:txBody>
      </p:sp>
      <p:sp>
        <p:nvSpPr>
          <p:cNvPr id="54" name="TextBox 53"/>
          <p:cNvSpPr txBox="1"/>
          <p:nvPr/>
        </p:nvSpPr>
        <p:spPr>
          <a:xfrm>
            <a:off x="1448402" y="5589240"/>
            <a:ext cx="4731827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</a:t>
            </a:r>
            <a:r>
              <a:rPr lang="da-DK" i="1" dirty="0"/>
              <a:t>forbedrende sti </a:t>
            </a:r>
            <a:r>
              <a:rPr lang="da-DK" b="1" dirty="0">
                <a:solidFill>
                  <a:srgbClr val="C00000"/>
                </a:solidFill>
              </a:rPr>
              <a:t>P </a:t>
            </a:r>
            <a:r>
              <a:rPr lang="da-DK" dirty="0"/>
              <a:t>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Send maksimal yderligere værdi langs stien </a:t>
            </a:r>
            <a:r>
              <a:rPr lang="da-DK" b="1" dirty="0">
                <a:solidFill>
                  <a:srgbClr val="C00000"/>
                </a:solidFill>
              </a:rPr>
              <a:t>P</a:t>
            </a:r>
          </a:p>
        </p:txBody>
      </p:sp>
      <p:grpSp>
        <p:nvGrpSpPr>
          <p:cNvPr id="14" name="Group 13"/>
          <p:cNvGrpSpPr/>
          <p:nvPr/>
        </p:nvGrpSpPr>
        <p:grpSpPr>
          <a:xfrm>
            <a:off x="2171288" y="1340768"/>
            <a:ext cx="6525949" cy="3280430"/>
            <a:chOff x="647283" y="1340768"/>
            <a:chExt cx="6525949" cy="3280430"/>
          </a:xfrm>
        </p:grpSpPr>
        <p:sp>
          <p:nvSpPr>
            <p:cNvPr id="87" name="TextBox 86"/>
            <p:cNvSpPr txBox="1"/>
            <p:nvPr/>
          </p:nvSpPr>
          <p:spPr>
            <a:xfrm>
              <a:off x="647283" y="380521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0" name="TextBox 89"/>
            <p:cNvSpPr txBox="1"/>
            <p:nvPr/>
          </p:nvSpPr>
          <p:spPr>
            <a:xfrm>
              <a:off x="24070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1" name="TextBox 90"/>
            <p:cNvSpPr txBox="1"/>
            <p:nvPr/>
          </p:nvSpPr>
          <p:spPr>
            <a:xfrm>
              <a:off x="5643176" y="42210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2" name="TextBox 91"/>
            <p:cNvSpPr txBox="1"/>
            <p:nvPr/>
          </p:nvSpPr>
          <p:spPr>
            <a:xfrm>
              <a:off x="6824205" y="33974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3" name="TextBox 92"/>
            <p:cNvSpPr txBox="1"/>
            <p:nvPr/>
          </p:nvSpPr>
          <p:spPr>
            <a:xfrm>
              <a:off x="3399353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4" name="TextBox 93"/>
            <p:cNvSpPr txBox="1"/>
            <p:nvPr/>
          </p:nvSpPr>
          <p:spPr>
            <a:xfrm>
              <a:off x="4999295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5" name="TextBox 94"/>
            <p:cNvSpPr txBox="1"/>
            <p:nvPr/>
          </p:nvSpPr>
          <p:spPr>
            <a:xfrm>
              <a:off x="5487585" y="250866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1914788" y="1340768"/>
            <a:ext cx="7205553" cy="2879914"/>
            <a:chOff x="390783" y="1340768"/>
            <a:chExt cx="7205553" cy="2879914"/>
          </a:xfrm>
        </p:grpSpPr>
        <p:sp>
          <p:nvSpPr>
            <p:cNvPr id="96" name="TextBox 95"/>
            <p:cNvSpPr txBox="1"/>
            <p:nvPr/>
          </p:nvSpPr>
          <p:spPr>
            <a:xfrm>
              <a:off x="390783" y="382057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7" name="TextBox 96"/>
            <p:cNvSpPr txBox="1"/>
            <p:nvPr/>
          </p:nvSpPr>
          <p:spPr>
            <a:xfrm>
              <a:off x="21505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8" name="TextBox 97"/>
            <p:cNvSpPr txBox="1"/>
            <p:nvPr/>
          </p:nvSpPr>
          <p:spPr>
            <a:xfrm>
              <a:off x="3151797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9" name="TextBox 98"/>
            <p:cNvSpPr txBox="1"/>
            <p:nvPr/>
          </p:nvSpPr>
          <p:spPr>
            <a:xfrm>
              <a:off x="4751739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100" name="TextBox 99"/>
            <p:cNvSpPr txBox="1"/>
            <p:nvPr/>
          </p:nvSpPr>
          <p:spPr>
            <a:xfrm>
              <a:off x="7247309" y="206084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/</a:t>
              </a:r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2187054" y="1268760"/>
            <a:ext cx="6676787" cy="1279972"/>
            <a:chOff x="663049" y="1268760"/>
            <a:chExt cx="6676787" cy="1279972"/>
          </a:xfrm>
        </p:grpSpPr>
        <p:sp>
          <p:nvSpPr>
            <p:cNvPr id="101" name="TextBox 100"/>
            <p:cNvSpPr txBox="1"/>
            <p:nvPr/>
          </p:nvSpPr>
          <p:spPr>
            <a:xfrm>
              <a:off x="663049" y="214862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3" name="TextBox 102"/>
            <p:cNvSpPr txBox="1"/>
            <p:nvPr/>
          </p:nvSpPr>
          <p:spPr>
            <a:xfrm>
              <a:off x="2643550" y="1268760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4" name="TextBox 103"/>
            <p:cNvSpPr txBox="1"/>
            <p:nvPr/>
          </p:nvSpPr>
          <p:spPr>
            <a:xfrm>
              <a:off x="4475282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  <p:sp>
          <p:nvSpPr>
            <p:cNvPr id="105" name="TextBox 104"/>
            <p:cNvSpPr txBox="1"/>
            <p:nvPr/>
          </p:nvSpPr>
          <p:spPr>
            <a:xfrm>
              <a:off x="6990809" y="2061254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2445616" y="3388930"/>
            <a:ext cx="6425658" cy="1232268"/>
            <a:chOff x="921616" y="3388930"/>
            <a:chExt cx="6425658" cy="1232268"/>
          </a:xfrm>
        </p:grpSpPr>
        <p:sp>
          <p:nvSpPr>
            <p:cNvPr id="106" name="TextBox 105"/>
            <p:cNvSpPr txBox="1"/>
            <p:nvPr/>
          </p:nvSpPr>
          <p:spPr>
            <a:xfrm>
              <a:off x="2660822" y="3460532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7" name="TextBox 106"/>
            <p:cNvSpPr txBox="1"/>
            <p:nvPr/>
          </p:nvSpPr>
          <p:spPr>
            <a:xfrm>
              <a:off x="4204522" y="3708494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5901182" y="422108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9" name="TextBox 108"/>
            <p:cNvSpPr txBox="1"/>
            <p:nvPr/>
          </p:nvSpPr>
          <p:spPr>
            <a:xfrm>
              <a:off x="7092280" y="3388930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10" name="TextBox 109"/>
            <p:cNvSpPr txBox="1"/>
            <p:nvPr/>
          </p:nvSpPr>
          <p:spPr>
            <a:xfrm>
              <a:off x="921616" y="381573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</p:grpSp>
      <p:sp>
        <p:nvSpPr>
          <p:cNvPr id="18" name="Freeform 17"/>
          <p:cNvSpPr/>
          <p:nvPr/>
        </p:nvSpPr>
        <p:spPr>
          <a:xfrm>
            <a:off x="2312276" y="2443660"/>
            <a:ext cx="7457090" cy="2144111"/>
          </a:xfrm>
          <a:custGeom>
            <a:avLst/>
            <a:gdLst>
              <a:gd name="connsiteX0" fmla="*/ 0 w 7457090"/>
              <a:gd name="connsiteY0" fmla="*/ 740979 h 2144111"/>
              <a:gd name="connsiteX1" fmla="*/ 1087821 w 7457090"/>
              <a:gd name="connsiteY1" fmla="*/ 2002221 h 2144111"/>
              <a:gd name="connsiteX2" fmla="*/ 3294993 w 7457090"/>
              <a:gd name="connsiteY2" fmla="*/ 898635 h 2144111"/>
              <a:gd name="connsiteX3" fmla="*/ 4430110 w 7457090"/>
              <a:gd name="connsiteY3" fmla="*/ 1403131 h 2144111"/>
              <a:gd name="connsiteX4" fmla="*/ 6306207 w 7457090"/>
              <a:gd name="connsiteY4" fmla="*/ 2144111 h 2144111"/>
              <a:gd name="connsiteX5" fmla="*/ 7457090 w 7457090"/>
              <a:gd name="connsiteY5" fmla="*/ 0 h 21441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457090" h="2144111">
                <a:moveTo>
                  <a:pt x="0" y="740979"/>
                </a:moveTo>
                <a:lnTo>
                  <a:pt x="1087821" y="2002221"/>
                </a:lnTo>
                <a:lnTo>
                  <a:pt x="3294993" y="898635"/>
                </a:lnTo>
                <a:lnTo>
                  <a:pt x="4430110" y="1403131"/>
                </a:lnTo>
                <a:lnTo>
                  <a:pt x="6306207" y="2144111"/>
                </a:lnTo>
                <a:lnTo>
                  <a:pt x="7457090" y="0"/>
                </a:lnTo>
              </a:path>
            </a:pathLst>
          </a:custGeom>
          <a:noFill/>
          <a:ln w="127000"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3" name="Freeform 22"/>
          <p:cNvSpPr/>
          <p:nvPr/>
        </p:nvSpPr>
        <p:spPr>
          <a:xfrm>
            <a:off x="2328046" y="1702676"/>
            <a:ext cx="7441325" cy="2885090"/>
          </a:xfrm>
          <a:custGeom>
            <a:avLst/>
            <a:gdLst>
              <a:gd name="connsiteX0" fmla="*/ 0 w 7441325"/>
              <a:gd name="connsiteY0" fmla="*/ 1481958 h 2885090"/>
              <a:gd name="connsiteX1" fmla="*/ 1072056 w 7441325"/>
              <a:gd name="connsiteY1" fmla="*/ 2727434 h 2885090"/>
              <a:gd name="connsiteX2" fmla="*/ 3279228 w 7441325"/>
              <a:gd name="connsiteY2" fmla="*/ 1655379 h 2885090"/>
              <a:gd name="connsiteX3" fmla="*/ 3074276 w 7441325"/>
              <a:gd name="connsiteY3" fmla="*/ 63062 h 2885090"/>
              <a:gd name="connsiteX4" fmla="*/ 6117021 w 7441325"/>
              <a:gd name="connsiteY4" fmla="*/ 0 h 2885090"/>
              <a:gd name="connsiteX5" fmla="*/ 4398580 w 7441325"/>
              <a:gd name="connsiteY5" fmla="*/ 2159876 h 2885090"/>
              <a:gd name="connsiteX6" fmla="*/ 6290442 w 7441325"/>
              <a:gd name="connsiteY6" fmla="*/ 2885090 h 2885090"/>
              <a:gd name="connsiteX7" fmla="*/ 7441325 w 7441325"/>
              <a:gd name="connsiteY7" fmla="*/ 756745 h 28850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7441325" h="2885090">
                <a:moveTo>
                  <a:pt x="0" y="1481958"/>
                </a:moveTo>
                <a:lnTo>
                  <a:pt x="1072056" y="2727434"/>
                </a:lnTo>
                <a:lnTo>
                  <a:pt x="3279228" y="1655379"/>
                </a:lnTo>
                <a:lnTo>
                  <a:pt x="3074276" y="63062"/>
                </a:lnTo>
                <a:lnTo>
                  <a:pt x="6117021" y="0"/>
                </a:lnTo>
                <a:lnTo>
                  <a:pt x="4398580" y="2159876"/>
                </a:lnTo>
                <a:lnTo>
                  <a:pt x="6290442" y="2885090"/>
                </a:lnTo>
                <a:lnTo>
                  <a:pt x="7441325" y="756745"/>
                </a:lnTo>
              </a:path>
            </a:pathLst>
          </a:custGeom>
          <a:noFill/>
          <a:ln w="127000">
            <a:solidFill>
              <a:srgbClr val="FFC00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5" name="Freeform 24"/>
          <p:cNvSpPr/>
          <p:nvPr/>
        </p:nvSpPr>
        <p:spPr>
          <a:xfrm>
            <a:off x="2328046" y="1623848"/>
            <a:ext cx="7441325" cy="1576552"/>
          </a:xfrm>
          <a:custGeom>
            <a:avLst/>
            <a:gdLst>
              <a:gd name="connsiteX0" fmla="*/ 0 w 7441325"/>
              <a:gd name="connsiteY0" fmla="*/ 1576552 h 1576552"/>
              <a:gd name="connsiteX1" fmla="*/ 819807 w 7441325"/>
              <a:gd name="connsiteY1" fmla="*/ 0 h 1576552"/>
              <a:gd name="connsiteX2" fmla="*/ 3105807 w 7441325"/>
              <a:gd name="connsiteY2" fmla="*/ 157655 h 1576552"/>
              <a:gd name="connsiteX3" fmla="*/ 6085490 w 7441325"/>
              <a:gd name="connsiteY3" fmla="*/ 94593 h 1576552"/>
              <a:gd name="connsiteX4" fmla="*/ 7441325 w 7441325"/>
              <a:gd name="connsiteY4" fmla="*/ 835573 h 15765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7441325" h="1576552">
                <a:moveTo>
                  <a:pt x="0" y="1576552"/>
                </a:moveTo>
                <a:lnTo>
                  <a:pt x="819807" y="0"/>
                </a:lnTo>
                <a:lnTo>
                  <a:pt x="3105807" y="157655"/>
                </a:lnTo>
                <a:lnTo>
                  <a:pt x="6085490" y="94593"/>
                </a:lnTo>
                <a:lnTo>
                  <a:pt x="7441325" y="835573"/>
                </a:lnTo>
              </a:path>
            </a:pathLst>
          </a:custGeom>
          <a:noFill/>
          <a:ln w="127000">
            <a:solidFill>
              <a:schemeClr val="accent3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7" name="Freeform 26"/>
          <p:cNvSpPr/>
          <p:nvPr/>
        </p:nvSpPr>
        <p:spPr>
          <a:xfrm>
            <a:off x="2312276" y="1734212"/>
            <a:ext cx="7425558" cy="2695903"/>
          </a:xfrm>
          <a:custGeom>
            <a:avLst/>
            <a:gdLst>
              <a:gd name="connsiteX0" fmla="*/ 0 w 7425558"/>
              <a:gd name="connsiteY0" fmla="*/ 1497724 h 2695903"/>
              <a:gd name="connsiteX1" fmla="*/ 1103586 w 7425558"/>
              <a:gd name="connsiteY1" fmla="*/ 2695903 h 2695903"/>
              <a:gd name="connsiteX2" fmla="*/ 3310758 w 7425558"/>
              <a:gd name="connsiteY2" fmla="*/ 1608083 h 2695903"/>
              <a:gd name="connsiteX3" fmla="*/ 3105807 w 7425558"/>
              <a:gd name="connsiteY3" fmla="*/ 47296 h 2695903"/>
              <a:gd name="connsiteX4" fmla="*/ 6101255 w 7425558"/>
              <a:gd name="connsiteY4" fmla="*/ 0 h 2695903"/>
              <a:gd name="connsiteX5" fmla="*/ 7425558 w 7425558"/>
              <a:gd name="connsiteY5" fmla="*/ 725214 h 26959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425558" h="2695903">
                <a:moveTo>
                  <a:pt x="0" y="1497724"/>
                </a:moveTo>
                <a:lnTo>
                  <a:pt x="1103586" y="2695903"/>
                </a:lnTo>
                <a:lnTo>
                  <a:pt x="3310758" y="1608083"/>
                </a:lnTo>
                <a:lnTo>
                  <a:pt x="3105807" y="47296"/>
                </a:lnTo>
                <a:lnTo>
                  <a:pt x="6101255" y="0"/>
                </a:lnTo>
                <a:lnTo>
                  <a:pt x="7425558" y="725214"/>
                </a:lnTo>
              </a:path>
            </a:pathLst>
          </a:custGeom>
          <a:noFill/>
          <a:ln w="127000">
            <a:solidFill>
              <a:schemeClr val="accent2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28" name="Group 27"/>
          <p:cNvGrpSpPr/>
          <p:nvPr/>
        </p:nvGrpSpPr>
        <p:grpSpPr>
          <a:xfrm>
            <a:off x="2264018" y="1519413"/>
            <a:ext cx="7603560" cy="3151372"/>
            <a:chOff x="-3780289" y="7566584"/>
            <a:chExt cx="7603560" cy="3151372"/>
          </a:xfrm>
        </p:grpSpPr>
        <p:sp>
          <p:nvSpPr>
            <p:cNvPr id="123" name="Oval 122"/>
            <p:cNvSpPr/>
            <p:nvPr/>
          </p:nvSpPr>
          <p:spPr>
            <a:xfrm>
              <a:off x="-2716508" y="1037755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4" name="Oval 123"/>
            <p:cNvSpPr/>
            <p:nvPr/>
          </p:nvSpPr>
          <p:spPr>
            <a:xfrm>
              <a:off x="2499975" y="10531336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5" name="Oval 124"/>
            <p:cNvSpPr/>
            <p:nvPr/>
          </p:nvSpPr>
          <p:spPr>
            <a:xfrm>
              <a:off x="-3780289" y="9144930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6" name="Oval 125"/>
            <p:cNvSpPr/>
            <p:nvPr/>
          </p:nvSpPr>
          <p:spPr>
            <a:xfrm>
              <a:off x="-2983902" y="756658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7" name="Oval 126"/>
            <p:cNvSpPr/>
            <p:nvPr/>
          </p:nvSpPr>
          <p:spPr>
            <a:xfrm>
              <a:off x="574953" y="9825092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8" name="Oval 127"/>
            <p:cNvSpPr/>
            <p:nvPr/>
          </p:nvSpPr>
          <p:spPr>
            <a:xfrm>
              <a:off x="3636651" y="8376445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9" name="Oval 128"/>
            <p:cNvSpPr/>
            <p:nvPr/>
          </p:nvSpPr>
          <p:spPr>
            <a:xfrm>
              <a:off x="2301897" y="763989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0" name="Oval 129"/>
            <p:cNvSpPr/>
            <p:nvPr/>
          </p:nvSpPr>
          <p:spPr>
            <a:xfrm>
              <a:off x="-738560" y="7707919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1" name="Oval 130"/>
            <p:cNvSpPr/>
            <p:nvPr/>
          </p:nvSpPr>
          <p:spPr>
            <a:xfrm>
              <a:off x="-504642" y="927092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49" name="Freeform 48"/>
          <p:cNvSpPr/>
          <p:nvPr/>
        </p:nvSpPr>
        <p:spPr>
          <a:xfrm>
            <a:off x="2343807" y="1450432"/>
            <a:ext cx="4092284" cy="3137339"/>
          </a:xfrm>
          <a:custGeom>
            <a:avLst/>
            <a:gdLst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2601311 w 4098761"/>
              <a:gd name="connsiteY2" fmla="*/ 1387366 h 2932387"/>
              <a:gd name="connsiteX3" fmla="*/ 3988676 w 4098761"/>
              <a:gd name="connsiteY3" fmla="*/ 1513490 h 2932387"/>
              <a:gd name="connsiteX4" fmla="*/ 4004442 w 4098761"/>
              <a:gd name="connsiteY4" fmla="*/ 2932387 h 2932387"/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3988676 w 4098761"/>
              <a:gd name="connsiteY2" fmla="*/ 1513490 h 2932387"/>
              <a:gd name="connsiteX3" fmla="*/ 4004442 w 4098761"/>
              <a:gd name="connsiteY3" fmla="*/ 2932387 h 2932387"/>
              <a:gd name="connsiteX0" fmla="*/ 0 w 4004707"/>
              <a:gd name="connsiteY0" fmla="*/ 0 h 2932387"/>
              <a:gd name="connsiteX1" fmla="*/ 740980 w 4004707"/>
              <a:gd name="connsiteY1" fmla="*/ 1072055 h 2932387"/>
              <a:gd name="connsiteX2" fmla="*/ 3610303 w 4004707"/>
              <a:gd name="connsiteY2" fmla="*/ 1481959 h 2932387"/>
              <a:gd name="connsiteX3" fmla="*/ 4004442 w 4004707"/>
              <a:gd name="connsiteY3" fmla="*/ 2932387 h 2932387"/>
              <a:gd name="connsiteX0" fmla="*/ 0 w 4005615"/>
              <a:gd name="connsiteY0" fmla="*/ 0 h 2932387"/>
              <a:gd name="connsiteX1" fmla="*/ 740980 w 4005615"/>
              <a:gd name="connsiteY1" fmla="*/ 1072055 h 2932387"/>
              <a:gd name="connsiteX2" fmla="*/ 3752193 w 4005615"/>
              <a:gd name="connsiteY2" fmla="*/ 1418897 h 2932387"/>
              <a:gd name="connsiteX3" fmla="*/ 4004442 w 4005615"/>
              <a:gd name="connsiteY3" fmla="*/ 2932387 h 2932387"/>
              <a:gd name="connsiteX0" fmla="*/ 0 w 4080371"/>
              <a:gd name="connsiteY0" fmla="*/ 0 h 2932387"/>
              <a:gd name="connsiteX1" fmla="*/ 819807 w 4080371"/>
              <a:gd name="connsiteY1" fmla="*/ 898634 h 2932387"/>
              <a:gd name="connsiteX2" fmla="*/ 3752193 w 4080371"/>
              <a:gd name="connsiteY2" fmla="*/ 1418897 h 2932387"/>
              <a:gd name="connsiteX3" fmla="*/ 4004442 w 4080371"/>
              <a:gd name="connsiteY3" fmla="*/ 2932387 h 2932387"/>
              <a:gd name="connsiteX0" fmla="*/ 0 w 4159198"/>
              <a:gd name="connsiteY0" fmla="*/ 0 h 3137339"/>
              <a:gd name="connsiteX1" fmla="*/ 898634 w 4159198"/>
              <a:gd name="connsiteY1" fmla="*/ 1103586 h 3137339"/>
              <a:gd name="connsiteX2" fmla="*/ 3831020 w 4159198"/>
              <a:gd name="connsiteY2" fmla="*/ 1623849 h 3137339"/>
              <a:gd name="connsiteX3" fmla="*/ 4083269 w 4159198"/>
              <a:gd name="connsiteY3" fmla="*/ 3137339 h 3137339"/>
              <a:gd name="connsiteX0" fmla="*/ 0 w 4092284"/>
              <a:gd name="connsiteY0" fmla="*/ 0 h 3137339"/>
              <a:gd name="connsiteX1" fmla="*/ 898634 w 4092284"/>
              <a:gd name="connsiteY1" fmla="*/ 1103586 h 3137339"/>
              <a:gd name="connsiteX2" fmla="*/ 3641833 w 4092284"/>
              <a:gd name="connsiteY2" fmla="*/ 1671146 h 3137339"/>
              <a:gd name="connsiteX3" fmla="*/ 4083269 w 4092284"/>
              <a:gd name="connsiteY3" fmla="*/ 3137339 h 31373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092284" h="3137339">
                <a:moveTo>
                  <a:pt x="0" y="0"/>
                </a:moveTo>
                <a:cubicBezTo>
                  <a:pt x="153714" y="420413"/>
                  <a:pt x="291662" y="825062"/>
                  <a:pt x="898634" y="1103586"/>
                </a:cubicBezTo>
                <a:cubicBezTo>
                  <a:pt x="1505606" y="1382110"/>
                  <a:pt x="3111061" y="1332187"/>
                  <a:pt x="3641833" y="1671146"/>
                </a:cubicBezTo>
                <a:cubicBezTo>
                  <a:pt x="4172605" y="2010105"/>
                  <a:pt x="4091152" y="2908739"/>
                  <a:pt x="4083269" y="3137339"/>
                </a:cubicBezTo>
              </a:path>
            </a:pathLst>
          </a:custGeom>
          <a:noFill/>
          <a:ln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50" name="TextBox 49"/>
          <p:cNvSpPr txBox="1"/>
          <p:nvPr/>
        </p:nvSpPr>
        <p:spPr>
          <a:xfrm>
            <a:off x="4788133" y="4547768"/>
            <a:ext cx="247384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b="1" dirty="0">
                <a:solidFill>
                  <a:srgbClr val="C00000"/>
                </a:solidFill>
              </a:rPr>
              <a:t>Snit </a:t>
            </a:r>
            <a:r>
              <a:rPr lang="da-DK" dirty="0"/>
              <a:t>hvor der ikke kan sendes mere over</a:t>
            </a:r>
          </a:p>
        </p:txBody>
      </p:sp>
      <p:sp>
        <p:nvSpPr>
          <p:cNvPr id="147" name="TextBox 146"/>
          <p:cNvSpPr txBox="1"/>
          <p:nvPr/>
        </p:nvSpPr>
        <p:spPr>
          <a:xfrm>
            <a:off x="7312357" y="5727739"/>
            <a:ext cx="363704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b="1" dirty="0"/>
              <a:t>  </a:t>
            </a:r>
            <a:br>
              <a:rPr lang="da-DK" sz="2400" b="1" dirty="0"/>
            </a:br>
            <a:r>
              <a:rPr lang="da-DK" sz="2400" dirty="0"/>
              <a:t>Max strømning = min </a:t>
            </a:r>
            <a:r>
              <a:rPr lang="da-DK" sz="2400" i="1" dirty="0" err="1"/>
              <a:t>st</a:t>
            </a:r>
            <a:r>
              <a:rPr lang="da-DK" sz="2400" dirty="0"/>
              <a:t>-snit</a:t>
            </a:r>
          </a:p>
        </p:txBody>
      </p:sp>
    </p:spTree>
    <p:extLst>
      <p:ext uri="{BB962C8B-B14F-4D97-AF65-F5344CB8AC3E}">
        <p14:creationId xmlns:p14="http://schemas.microsoft.com/office/powerpoint/2010/main" val="5844954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6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8" fill="hold">
                      <p:stCondLst>
                        <p:cond delay="indefinite"/>
                      </p:stCondLst>
                      <p:childTnLst>
                        <p:par>
                          <p:cTn id="69" fill="hold">
                            <p:stCondLst>
                              <p:cond delay="0"/>
                            </p:stCondLst>
                            <p:childTnLst>
                              <p:par>
                                <p:cTn id="7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6" fill="hold">
                      <p:stCondLst>
                        <p:cond delay="indefinite"/>
                      </p:stCondLst>
                      <p:childTnLst>
                        <p:par>
                          <p:cTn id="77" fill="hold">
                            <p:stCondLst>
                              <p:cond delay="0"/>
                            </p:stCondLst>
                            <p:childTnLst>
                              <p:par>
                                <p:cTn id="7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4" grpId="0" animBg="1"/>
      <p:bldP spid="18" grpId="0" animBg="1"/>
      <p:bldP spid="18" grpId="1" animBg="1"/>
      <p:bldP spid="23" grpId="0" animBg="1"/>
      <p:bldP spid="23" grpId="1" animBg="1"/>
      <p:bldP spid="25" grpId="0" animBg="1"/>
      <p:bldP spid="25" grpId="1" animBg="1"/>
      <p:bldP spid="27" grpId="0" animBg="1"/>
      <p:bldP spid="27" grpId="1" animBg="1"/>
      <p:bldP spid="49" grpId="0" animBg="1"/>
      <p:bldP spid="50" grpId="0"/>
      <p:bldP spid="147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5" name="Straight Connector 144"/>
          <p:cNvCxnSpPr/>
          <p:nvPr/>
        </p:nvCxnSpPr>
        <p:spPr>
          <a:xfrm>
            <a:off x="5706701" y="3372416"/>
            <a:ext cx="950614" cy="44362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2" name="Group 31"/>
          <p:cNvGrpSpPr/>
          <p:nvPr/>
        </p:nvGrpSpPr>
        <p:grpSpPr>
          <a:xfrm>
            <a:off x="1975645" y="1268760"/>
            <a:ext cx="8151425" cy="3352438"/>
            <a:chOff x="-4051091" y="7300398"/>
            <a:chExt cx="8151425" cy="3352438"/>
          </a:xfrm>
        </p:grpSpPr>
        <p:cxnSp>
          <p:nvCxnSpPr>
            <p:cNvPr id="112" name="Straight Connector 111"/>
            <p:cNvCxnSpPr/>
            <p:nvPr/>
          </p:nvCxnSpPr>
          <p:spPr>
            <a:xfrm flipH="1">
              <a:off x="-598811" y="7740921"/>
              <a:ext cx="2931789" cy="9120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" name="Straight Connector 112"/>
            <p:cNvCxnSpPr/>
            <p:nvPr/>
          </p:nvCxnSpPr>
          <p:spPr>
            <a:xfrm flipH="1" flipV="1">
              <a:off x="-3697436" y="9232698"/>
              <a:ext cx="1023952" cy="116872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" name="Straight Connector 113"/>
            <p:cNvCxnSpPr/>
            <p:nvPr/>
          </p:nvCxnSpPr>
          <p:spPr>
            <a:xfrm flipV="1">
              <a:off x="-3676473" y="7722207"/>
              <a:ext cx="755676" cy="151135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 flipV="1">
              <a:off x="-2639785" y="9385947"/>
              <a:ext cx="2179426" cy="111594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/>
            <p:cNvCxnSpPr/>
            <p:nvPr/>
          </p:nvCxnSpPr>
          <p:spPr>
            <a:xfrm flipV="1">
              <a:off x="2586112" y="8539448"/>
              <a:ext cx="1127177" cy="208191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 flipH="1" flipV="1">
              <a:off x="733925" y="9893056"/>
              <a:ext cx="1815994" cy="6924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>
              <a:endCxn id="127" idx="7"/>
            </p:cNvCxnSpPr>
            <p:nvPr/>
          </p:nvCxnSpPr>
          <p:spPr>
            <a:xfrm flipH="1">
              <a:off x="751819" y="7729786"/>
              <a:ext cx="1647679" cy="2107103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 flipH="1" flipV="1">
              <a:off x="2410150" y="7735946"/>
              <a:ext cx="1250300" cy="68697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 flipH="1" flipV="1">
              <a:off x="-2893317" y="7667250"/>
              <a:ext cx="2212068" cy="137394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-626291" y="7804643"/>
              <a:ext cx="231606" cy="155959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2" name="TextBox 131"/>
            <p:cNvSpPr txBox="1"/>
            <p:nvPr/>
          </p:nvSpPr>
          <p:spPr>
            <a:xfrm>
              <a:off x="-4051091" y="8957652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s</a:t>
              </a:r>
            </a:p>
          </p:txBody>
        </p:sp>
        <p:sp>
          <p:nvSpPr>
            <p:cNvPr id="133" name="TextBox 132"/>
            <p:cNvSpPr txBox="1"/>
            <p:nvPr/>
          </p:nvSpPr>
          <p:spPr>
            <a:xfrm>
              <a:off x="3834145" y="8206885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t</a:t>
              </a:r>
            </a:p>
          </p:txBody>
        </p:sp>
        <p:sp>
          <p:nvSpPr>
            <p:cNvPr id="134" name="TextBox 133"/>
            <p:cNvSpPr txBox="1"/>
            <p:nvPr/>
          </p:nvSpPr>
          <p:spPr>
            <a:xfrm>
              <a:off x="-3665459" y="817138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35" name="TextBox 134"/>
            <p:cNvSpPr txBox="1"/>
            <p:nvPr/>
          </p:nvSpPr>
          <p:spPr>
            <a:xfrm>
              <a:off x="-1709297" y="730039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36" name="TextBox 135"/>
            <p:cNvSpPr txBox="1"/>
            <p:nvPr/>
          </p:nvSpPr>
          <p:spPr>
            <a:xfrm>
              <a:off x="654819" y="736963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37" name="TextBox 136"/>
            <p:cNvSpPr txBox="1"/>
            <p:nvPr/>
          </p:nvSpPr>
          <p:spPr>
            <a:xfrm>
              <a:off x="2887270" y="809248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  <p:sp>
          <p:nvSpPr>
            <p:cNvPr id="138" name="TextBox 137"/>
            <p:cNvSpPr txBox="1"/>
            <p:nvPr/>
          </p:nvSpPr>
          <p:spPr>
            <a:xfrm>
              <a:off x="2743253" y="942056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5</a:t>
              </a:r>
            </a:p>
          </p:txBody>
        </p:sp>
        <p:sp>
          <p:nvSpPr>
            <p:cNvPr id="139" name="TextBox 138"/>
            <p:cNvSpPr txBox="1"/>
            <p:nvPr/>
          </p:nvSpPr>
          <p:spPr>
            <a:xfrm>
              <a:off x="1540961" y="1025272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40" name="TextBox 139"/>
            <p:cNvSpPr txBox="1"/>
            <p:nvPr/>
          </p:nvSpPr>
          <p:spPr>
            <a:xfrm>
              <a:off x="-123276" y="9733752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41" name="TextBox 140"/>
            <p:cNvSpPr txBox="1"/>
            <p:nvPr/>
          </p:nvSpPr>
          <p:spPr>
            <a:xfrm>
              <a:off x="-1696532" y="9492575"/>
              <a:ext cx="29280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42" name="TextBox 141"/>
            <p:cNvSpPr txBox="1"/>
            <p:nvPr/>
          </p:nvSpPr>
          <p:spPr>
            <a:xfrm>
              <a:off x="-3427591" y="985261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3" name="TextBox 142"/>
            <p:cNvSpPr txBox="1"/>
            <p:nvPr/>
          </p:nvSpPr>
          <p:spPr>
            <a:xfrm>
              <a:off x="1152527" y="854466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4" name="TextBox 143"/>
            <p:cNvSpPr txBox="1"/>
            <p:nvPr/>
          </p:nvSpPr>
          <p:spPr>
            <a:xfrm>
              <a:off x="-928062" y="843830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260648"/>
            <a:ext cx="9160758" cy="1143000"/>
          </a:xfrm>
        </p:spPr>
        <p:txBody>
          <a:bodyPr>
            <a:normAutofit/>
          </a:bodyPr>
          <a:lstStyle/>
          <a:p>
            <a:r>
              <a:rPr lang="da-DK" dirty="0"/>
              <a:t>Beregning af Strømninger i Netværk</a:t>
            </a:r>
          </a:p>
        </p:txBody>
      </p:sp>
      <p:grpSp>
        <p:nvGrpSpPr>
          <p:cNvPr id="14" name="Group 13"/>
          <p:cNvGrpSpPr/>
          <p:nvPr/>
        </p:nvGrpSpPr>
        <p:grpSpPr>
          <a:xfrm>
            <a:off x="2171288" y="1340768"/>
            <a:ext cx="6525949" cy="3280430"/>
            <a:chOff x="647283" y="1340768"/>
            <a:chExt cx="6525949" cy="3280430"/>
          </a:xfrm>
        </p:grpSpPr>
        <p:sp>
          <p:nvSpPr>
            <p:cNvPr id="87" name="TextBox 86"/>
            <p:cNvSpPr txBox="1"/>
            <p:nvPr/>
          </p:nvSpPr>
          <p:spPr>
            <a:xfrm>
              <a:off x="647283" y="380521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0" name="TextBox 89"/>
            <p:cNvSpPr txBox="1"/>
            <p:nvPr/>
          </p:nvSpPr>
          <p:spPr>
            <a:xfrm>
              <a:off x="24070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1" name="TextBox 90"/>
            <p:cNvSpPr txBox="1"/>
            <p:nvPr/>
          </p:nvSpPr>
          <p:spPr>
            <a:xfrm>
              <a:off x="5643176" y="42210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2" name="TextBox 91"/>
            <p:cNvSpPr txBox="1"/>
            <p:nvPr/>
          </p:nvSpPr>
          <p:spPr>
            <a:xfrm>
              <a:off x="6824205" y="33974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3" name="TextBox 92"/>
            <p:cNvSpPr txBox="1"/>
            <p:nvPr/>
          </p:nvSpPr>
          <p:spPr>
            <a:xfrm>
              <a:off x="3399353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4" name="TextBox 93"/>
            <p:cNvSpPr txBox="1"/>
            <p:nvPr/>
          </p:nvSpPr>
          <p:spPr>
            <a:xfrm>
              <a:off x="4999295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5" name="TextBox 94"/>
            <p:cNvSpPr txBox="1"/>
            <p:nvPr/>
          </p:nvSpPr>
          <p:spPr>
            <a:xfrm>
              <a:off x="5487585" y="250866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1914788" y="1340768"/>
            <a:ext cx="7205553" cy="2879914"/>
            <a:chOff x="390783" y="1340768"/>
            <a:chExt cx="7205553" cy="2879914"/>
          </a:xfrm>
        </p:grpSpPr>
        <p:sp>
          <p:nvSpPr>
            <p:cNvPr id="96" name="TextBox 95"/>
            <p:cNvSpPr txBox="1"/>
            <p:nvPr/>
          </p:nvSpPr>
          <p:spPr>
            <a:xfrm>
              <a:off x="390783" y="382057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7" name="TextBox 96"/>
            <p:cNvSpPr txBox="1"/>
            <p:nvPr/>
          </p:nvSpPr>
          <p:spPr>
            <a:xfrm>
              <a:off x="21505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8" name="TextBox 97"/>
            <p:cNvSpPr txBox="1"/>
            <p:nvPr/>
          </p:nvSpPr>
          <p:spPr>
            <a:xfrm>
              <a:off x="3151797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9" name="TextBox 98"/>
            <p:cNvSpPr txBox="1"/>
            <p:nvPr/>
          </p:nvSpPr>
          <p:spPr>
            <a:xfrm>
              <a:off x="4751739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100" name="TextBox 99"/>
            <p:cNvSpPr txBox="1"/>
            <p:nvPr/>
          </p:nvSpPr>
          <p:spPr>
            <a:xfrm>
              <a:off x="7247309" y="206084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/</a:t>
              </a:r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2187054" y="1268760"/>
            <a:ext cx="6676787" cy="1279972"/>
            <a:chOff x="663049" y="1268760"/>
            <a:chExt cx="6676787" cy="1279972"/>
          </a:xfrm>
        </p:grpSpPr>
        <p:sp>
          <p:nvSpPr>
            <p:cNvPr id="101" name="TextBox 100"/>
            <p:cNvSpPr txBox="1"/>
            <p:nvPr/>
          </p:nvSpPr>
          <p:spPr>
            <a:xfrm>
              <a:off x="663049" y="214862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3" name="TextBox 102"/>
            <p:cNvSpPr txBox="1"/>
            <p:nvPr/>
          </p:nvSpPr>
          <p:spPr>
            <a:xfrm>
              <a:off x="2643550" y="1268760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4" name="TextBox 103"/>
            <p:cNvSpPr txBox="1"/>
            <p:nvPr/>
          </p:nvSpPr>
          <p:spPr>
            <a:xfrm>
              <a:off x="4475282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  <p:sp>
          <p:nvSpPr>
            <p:cNvPr id="105" name="TextBox 104"/>
            <p:cNvSpPr txBox="1"/>
            <p:nvPr/>
          </p:nvSpPr>
          <p:spPr>
            <a:xfrm>
              <a:off x="6990809" y="2061254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2445616" y="3388930"/>
            <a:ext cx="6425658" cy="1232268"/>
            <a:chOff x="921616" y="3388930"/>
            <a:chExt cx="6425658" cy="1232268"/>
          </a:xfrm>
        </p:grpSpPr>
        <p:sp>
          <p:nvSpPr>
            <p:cNvPr id="106" name="TextBox 105"/>
            <p:cNvSpPr txBox="1"/>
            <p:nvPr/>
          </p:nvSpPr>
          <p:spPr>
            <a:xfrm>
              <a:off x="2660822" y="3460532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7" name="TextBox 106"/>
            <p:cNvSpPr txBox="1"/>
            <p:nvPr/>
          </p:nvSpPr>
          <p:spPr>
            <a:xfrm>
              <a:off x="4204522" y="3708494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5901182" y="422108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9" name="TextBox 108"/>
            <p:cNvSpPr txBox="1"/>
            <p:nvPr/>
          </p:nvSpPr>
          <p:spPr>
            <a:xfrm>
              <a:off x="7092280" y="3388930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10" name="TextBox 109"/>
            <p:cNvSpPr txBox="1"/>
            <p:nvPr/>
          </p:nvSpPr>
          <p:spPr>
            <a:xfrm>
              <a:off x="921616" y="381573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</p:grpSp>
      <p:grpSp>
        <p:nvGrpSpPr>
          <p:cNvPr id="28" name="Group 27"/>
          <p:cNvGrpSpPr/>
          <p:nvPr/>
        </p:nvGrpSpPr>
        <p:grpSpPr>
          <a:xfrm>
            <a:off x="2264018" y="1519413"/>
            <a:ext cx="7603560" cy="3151372"/>
            <a:chOff x="-3780289" y="7566584"/>
            <a:chExt cx="7603560" cy="3151372"/>
          </a:xfrm>
        </p:grpSpPr>
        <p:sp>
          <p:nvSpPr>
            <p:cNvPr id="123" name="Oval 122"/>
            <p:cNvSpPr/>
            <p:nvPr/>
          </p:nvSpPr>
          <p:spPr>
            <a:xfrm>
              <a:off x="-2716508" y="1037755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4" name="Oval 123"/>
            <p:cNvSpPr/>
            <p:nvPr/>
          </p:nvSpPr>
          <p:spPr>
            <a:xfrm>
              <a:off x="2499975" y="10531336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5" name="Oval 124"/>
            <p:cNvSpPr/>
            <p:nvPr/>
          </p:nvSpPr>
          <p:spPr>
            <a:xfrm>
              <a:off x="-3780289" y="9144930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6" name="Oval 125"/>
            <p:cNvSpPr/>
            <p:nvPr/>
          </p:nvSpPr>
          <p:spPr>
            <a:xfrm>
              <a:off x="-2983902" y="756658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7" name="Oval 126"/>
            <p:cNvSpPr/>
            <p:nvPr/>
          </p:nvSpPr>
          <p:spPr>
            <a:xfrm>
              <a:off x="574953" y="9825092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8" name="Oval 127"/>
            <p:cNvSpPr/>
            <p:nvPr/>
          </p:nvSpPr>
          <p:spPr>
            <a:xfrm>
              <a:off x="3636651" y="8376445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9" name="Oval 128"/>
            <p:cNvSpPr/>
            <p:nvPr/>
          </p:nvSpPr>
          <p:spPr>
            <a:xfrm>
              <a:off x="2301897" y="763989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0" name="Oval 129"/>
            <p:cNvSpPr/>
            <p:nvPr/>
          </p:nvSpPr>
          <p:spPr>
            <a:xfrm>
              <a:off x="-738560" y="7707919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1" name="Oval 130"/>
            <p:cNvSpPr/>
            <p:nvPr/>
          </p:nvSpPr>
          <p:spPr>
            <a:xfrm>
              <a:off x="-504642" y="927092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49" name="Freeform 48"/>
          <p:cNvSpPr/>
          <p:nvPr/>
        </p:nvSpPr>
        <p:spPr>
          <a:xfrm>
            <a:off x="2343807" y="1450432"/>
            <a:ext cx="4092284" cy="3137339"/>
          </a:xfrm>
          <a:custGeom>
            <a:avLst/>
            <a:gdLst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2601311 w 4098761"/>
              <a:gd name="connsiteY2" fmla="*/ 1387366 h 2932387"/>
              <a:gd name="connsiteX3" fmla="*/ 3988676 w 4098761"/>
              <a:gd name="connsiteY3" fmla="*/ 1513490 h 2932387"/>
              <a:gd name="connsiteX4" fmla="*/ 4004442 w 4098761"/>
              <a:gd name="connsiteY4" fmla="*/ 2932387 h 2932387"/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3988676 w 4098761"/>
              <a:gd name="connsiteY2" fmla="*/ 1513490 h 2932387"/>
              <a:gd name="connsiteX3" fmla="*/ 4004442 w 4098761"/>
              <a:gd name="connsiteY3" fmla="*/ 2932387 h 2932387"/>
              <a:gd name="connsiteX0" fmla="*/ 0 w 4004707"/>
              <a:gd name="connsiteY0" fmla="*/ 0 h 2932387"/>
              <a:gd name="connsiteX1" fmla="*/ 740980 w 4004707"/>
              <a:gd name="connsiteY1" fmla="*/ 1072055 h 2932387"/>
              <a:gd name="connsiteX2" fmla="*/ 3610303 w 4004707"/>
              <a:gd name="connsiteY2" fmla="*/ 1481959 h 2932387"/>
              <a:gd name="connsiteX3" fmla="*/ 4004442 w 4004707"/>
              <a:gd name="connsiteY3" fmla="*/ 2932387 h 2932387"/>
              <a:gd name="connsiteX0" fmla="*/ 0 w 4005615"/>
              <a:gd name="connsiteY0" fmla="*/ 0 h 2932387"/>
              <a:gd name="connsiteX1" fmla="*/ 740980 w 4005615"/>
              <a:gd name="connsiteY1" fmla="*/ 1072055 h 2932387"/>
              <a:gd name="connsiteX2" fmla="*/ 3752193 w 4005615"/>
              <a:gd name="connsiteY2" fmla="*/ 1418897 h 2932387"/>
              <a:gd name="connsiteX3" fmla="*/ 4004442 w 4005615"/>
              <a:gd name="connsiteY3" fmla="*/ 2932387 h 2932387"/>
              <a:gd name="connsiteX0" fmla="*/ 0 w 4080371"/>
              <a:gd name="connsiteY0" fmla="*/ 0 h 2932387"/>
              <a:gd name="connsiteX1" fmla="*/ 819807 w 4080371"/>
              <a:gd name="connsiteY1" fmla="*/ 898634 h 2932387"/>
              <a:gd name="connsiteX2" fmla="*/ 3752193 w 4080371"/>
              <a:gd name="connsiteY2" fmla="*/ 1418897 h 2932387"/>
              <a:gd name="connsiteX3" fmla="*/ 4004442 w 4080371"/>
              <a:gd name="connsiteY3" fmla="*/ 2932387 h 2932387"/>
              <a:gd name="connsiteX0" fmla="*/ 0 w 4159198"/>
              <a:gd name="connsiteY0" fmla="*/ 0 h 3137339"/>
              <a:gd name="connsiteX1" fmla="*/ 898634 w 4159198"/>
              <a:gd name="connsiteY1" fmla="*/ 1103586 h 3137339"/>
              <a:gd name="connsiteX2" fmla="*/ 3831020 w 4159198"/>
              <a:gd name="connsiteY2" fmla="*/ 1623849 h 3137339"/>
              <a:gd name="connsiteX3" fmla="*/ 4083269 w 4159198"/>
              <a:gd name="connsiteY3" fmla="*/ 3137339 h 3137339"/>
              <a:gd name="connsiteX0" fmla="*/ 0 w 4092284"/>
              <a:gd name="connsiteY0" fmla="*/ 0 h 3137339"/>
              <a:gd name="connsiteX1" fmla="*/ 898634 w 4092284"/>
              <a:gd name="connsiteY1" fmla="*/ 1103586 h 3137339"/>
              <a:gd name="connsiteX2" fmla="*/ 3641833 w 4092284"/>
              <a:gd name="connsiteY2" fmla="*/ 1671146 h 3137339"/>
              <a:gd name="connsiteX3" fmla="*/ 4083269 w 4092284"/>
              <a:gd name="connsiteY3" fmla="*/ 3137339 h 31373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092284" h="3137339">
                <a:moveTo>
                  <a:pt x="0" y="0"/>
                </a:moveTo>
                <a:cubicBezTo>
                  <a:pt x="153714" y="420413"/>
                  <a:pt x="291662" y="825062"/>
                  <a:pt x="898634" y="1103586"/>
                </a:cubicBezTo>
                <a:cubicBezTo>
                  <a:pt x="1505606" y="1382110"/>
                  <a:pt x="3111061" y="1332187"/>
                  <a:pt x="3641833" y="1671146"/>
                </a:cubicBezTo>
                <a:cubicBezTo>
                  <a:pt x="4172605" y="2010105"/>
                  <a:pt x="4091152" y="2908739"/>
                  <a:pt x="4083269" y="3137339"/>
                </a:cubicBezTo>
              </a:path>
            </a:pathLst>
          </a:custGeom>
          <a:noFill/>
          <a:ln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0" name="TextBox 49"/>
          <p:cNvSpPr txBox="1"/>
          <p:nvPr/>
        </p:nvSpPr>
        <p:spPr>
          <a:xfrm>
            <a:off x="4788133" y="4547768"/>
            <a:ext cx="247384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b="1" dirty="0">
                <a:solidFill>
                  <a:srgbClr val="C00000"/>
                </a:solidFill>
              </a:rPr>
              <a:t>Snit </a:t>
            </a:r>
            <a:r>
              <a:rPr lang="da-DK" dirty="0"/>
              <a:t>hvor der ikke kan sendes mere over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5253439-99F7-3560-01A2-3F11562E7CCE}"/>
              </a:ext>
            </a:extLst>
          </p:cNvPr>
          <p:cNvSpPr txBox="1"/>
          <p:nvPr/>
        </p:nvSpPr>
        <p:spPr>
          <a:xfrm>
            <a:off x="1448402" y="5589240"/>
            <a:ext cx="4731827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</a:t>
            </a:r>
            <a:r>
              <a:rPr lang="da-DK" i="1" dirty="0"/>
              <a:t>forbedrende sti </a:t>
            </a:r>
            <a:r>
              <a:rPr lang="da-DK" b="1" dirty="0">
                <a:solidFill>
                  <a:srgbClr val="C00000"/>
                </a:solidFill>
              </a:rPr>
              <a:t>P </a:t>
            </a:r>
            <a:r>
              <a:rPr lang="da-DK" dirty="0"/>
              <a:t>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Send maksimal yderligere værdi langs stien </a:t>
            </a:r>
            <a:r>
              <a:rPr lang="da-DK" b="1" dirty="0">
                <a:solidFill>
                  <a:srgbClr val="C00000"/>
                </a:solidFill>
              </a:rPr>
              <a:t>P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57737852-2C2F-21B9-94DE-E93C8F3B4688}"/>
              </a:ext>
            </a:extLst>
          </p:cNvPr>
          <p:cNvSpPr txBox="1"/>
          <p:nvPr/>
        </p:nvSpPr>
        <p:spPr>
          <a:xfrm>
            <a:off x="7312357" y="5727739"/>
            <a:ext cx="363704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b="1" dirty="0"/>
              <a:t>  </a:t>
            </a:r>
            <a:br>
              <a:rPr lang="da-DK" sz="2400" b="1" dirty="0"/>
            </a:br>
            <a:r>
              <a:rPr lang="da-DK" sz="2400" dirty="0"/>
              <a:t>Max strømning = min </a:t>
            </a:r>
            <a:r>
              <a:rPr lang="da-DK" sz="2400" i="1" dirty="0" err="1"/>
              <a:t>st</a:t>
            </a:r>
            <a:r>
              <a:rPr lang="da-DK" sz="2400" dirty="0"/>
              <a:t>-snit</a:t>
            </a:r>
          </a:p>
        </p:txBody>
      </p:sp>
    </p:spTree>
    <p:extLst>
      <p:ext uri="{BB962C8B-B14F-4D97-AF65-F5344CB8AC3E}">
        <p14:creationId xmlns:p14="http://schemas.microsoft.com/office/powerpoint/2010/main" val="18036306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7" name="Group 56"/>
          <p:cNvGrpSpPr/>
          <p:nvPr/>
        </p:nvGrpSpPr>
        <p:grpSpPr>
          <a:xfrm>
            <a:off x="1793522" y="260648"/>
            <a:ext cx="8460940" cy="5544616"/>
            <a:chOff x="269522" y="260648"/>
            <a:chExt cx="8460940" cy="5544616"/>
          </a:xfrm>
        </p:grpSpPr>
        <p:cxnSp>
          <p:nvCxnSpPr>
            <p:cNvPr id="58" name="Straight Connector 57"/>
            <p:cNvCxnSpPr/>
            <p:nvPr/>
          </p:nvCxnSpPr>
          <p:spPr>
            <a:xfrm>
              <a:off x="2303748" y="340615"/>
              <a:ext cx="1350150" cy="784129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/>
            <p:cNvCxnSpPr/>
            <p:nvPr/>
          </p:nvCxnSpPr>
          <p:spPr>
            <a:xfrm>
              <a:off x="3653898" y="1124744"/>
              <a:ext cx="1512168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Straight Connector 59"/>
            <p:cNvCxnSpPr/>
            <p:nvPr/>
          </p:nvCxnSpPr>
          <p:spPr>
            <a:xfrm>
              <a:off x="5166066" y="1988840"/>
              <a:ext cx="1260140" cy="72008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Straight Connector 60"/>
            <p:cNvCxnSpPr/>
            <p:nvPr/>
          </p:nvCxnSpPr>
          <p:spPr>
            <a:xfrm flipV="1">
              <a:off x="5166066" y="260648"/>
              <a:ext cx="1044116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Straight Connector 61"/>
            <p:cNvCxnSpPr/>
            <p:nvPr/>
          </p:nvCxnSpPr>
          <p:spPr>
            <a:xfrm>
              <a:off x="6426206" y="2708920"/>
              <a:ext cx="2304256" cy="108012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/>
            <p:cNvCxnSpPr/>
            <p:nvPr/>
          </p:nvCxnSpPr>
          <p:spPr>
            <a:xfrm flipH="1">
              <a:off x="7398314" y="3789040"/>
              <a:ext cx="1332148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Straight Connector 63"/>
            <p:cNvCxnSpPr/>
            <p:nvPr/>
          </p:nvCxnSpPr>
          <p:spPr>
            <a:xfrm flipH="1" flipV="1">
              <a:off x="5094058" y="4005064"/>
              <a:ext cx="2304256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Straight Connector 64"/>
            <p:cNvCxnSpPr/>
            <p:nvPr/>
          </p:nvCxnSpPr>
          <p:spPr>
            <a:xfrm flipV="1">
              <a:off x="5094058" y="2708920"/>
              <a:ext cx="1332148" cy="129614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Straight Connector 65"/>
            <p:cNvCxnSpPr/>
            <p:nvPr/>
          </p:nvCxnSpPr>
          <p:spPr>
            <a:xfrm flipH="1" flipV="1">
              <a:off x="2537774" y="1988840"/>
              <a:ext cx="2556284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/>
            <p:cNvCxnSpPr/>
            <p:nvPr/>
          </p:nvCxnSpPr>
          <p:spPr>
            <a:xfrm flipH="1" flipV="1">
              <a:off x="485546" y="908720"/>
              <a:ext cx="972108" cy="187220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/>
            <p:cNvCxnSpPr/>
            <p:nvPr/>
          </p:nvCxnSpPr>
          <p:spPr>
            <a:xfrm flipV="1">
              <a:off x="485546" y="340615"/>
              <a:ext cx="1872208" cy="568105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/>
            <p:cNvCxnSpPr/>
            <p:nvPr/>
          </p:nvCxnSpPr>
          <p:spPr>
            <a:xfrm>
              <a:off x="1421650" y="2780928"/>
              <a:ext cx="936104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/>
            <p:cNvCxnSpPr/>
            <p:nvPr/>
          </p:nvCxnSpPr>
          <p:spPr>
            <a:xfrm>
              <a:off x="2357754" y="4581128"/>
              <a:ext cx="720080" cy="100811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Straight Connector 70"/>
            <p:cNvCxnSpPr/>
            <p:nvPr/>
          </p:nvCxnSpPr>
          <p:spPr>
            <a:xfrm flipV="1">
              <a:off x="3077834" y="4005064"/>
              <a:ext cx="2016224" cy="158417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Straight Connector 71"/>
            <p:cNvCxnSpPr/>
            <p:nvPr/>
          </p:nvCxnSpPr>
          <p:spPr>
            <a:xfrm flipH="1">
              <a:off x="701570" y="4581128"/>
              <a:ext cx="1656184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Straight Connector 72"/>
            <p:cNvCxnSpPr/>
            <p:nvPr/>
          </p:nvCxnSpPr>
          <p:spPr>
            <a:xfrm flipH="1" flipV="1">
              <a:off x="269522" y="3645024"/>
              <a:ext cx="423047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Straight Connector 73"/>
            <p:cNvCxnSpPr/>
            <p:nvPr/>
          </p:nvCxnSpPr>
          <p:spPr>
            <a:xfrm flipV="1">
              <a:off x="269522" y="2780928"/>
              <a:ext cx="1188132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Straight Connector 74"/>
            <p:cNvCxnSpPr/>
            <p:nvPr/>
          </p:nvCxnSpPr>
          <p:spPr>
            <a:xfrm flipV="1">
              <a:off x="2537774" y="1124744"/>
              <a:ext cx="1116124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Straight Connector 75"/>
            <p:cNvCxnSpPr/>
            <p:nvPr/>
          </p:nvCxnSpPr>
          <p:spPr>
            <a:xfrm flipV="1">
              <a:off x="1457654" y="1988840"/>
              <a:ext cx="1080120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7" name="Isosceles Triangle 76"/>
          <p:cNvSpPr/>
          <p:nvPr/>
        </p:nvSpPr>
        <p:spPr>
          <a:xfrm rot="18694389">
            <a:off x="4030438" y="1920218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Isosceles Triangle 77"/>
          <p:cNvSpPr/>
          <p:nvPr/>
        </p:nvSpPr>
        <p:spPr>
          <a:xfrm rot="18694389">
            <a:off x="6606614" y="3946305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9" name="Picture 2" descr="http://img.e-vaerktoej.dk/564004192.jp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26" t="37876" r="9943" b="37737"/>
          <a:stretch/>
        </p:blipFill>
        <p:spPr bwMode="auto">
          <a:xfrm rot="2280000">
            <a:off x="5001008" y="2641954"/>
            <a:ext cx="1231576" cy="3757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1" name="TextBox 80"/>
          <p:cNvSpPr txBox="1"/>
          <p:nvPr/>
        </p:nvSpPr>
        <p:spPr>
          <a:xfrm>
            <a:off x="10054184" y="3212976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>
                <a:solidFill>
                  <a:srgbClr val="C00000"/>
                </a:solidFill>
              </a:rPr>
              <a:t>A</a:t>
            </a:r>
          </a:p>
        </p:txBody>
      </p:sp>
      <p:sp>
        <p:nvSpPr>
          <p:cNvPr id="82" name="TextBox 81"/>
          <p:cNvSpPr txBox="1"/>
          <p:nvPr/>
        </p:nvSpPr>
        <p:spPr>
          <a:xfrm>
            <a:off x="1485232" y="3068960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>
                <a:solidFill>
                  <a:srgbClr val="C00000"/>
                </a:solidFill>
              </a:rPr>
              <a:t>B</a:t>
            </a:r>
          </a:p>
        </p:txBody>
      </p:sp>
      <p:sp>
        <p:nvSpPr>
          <p:cNvPr id="83" name="TextBox 82"/>
          <p:cNvSpPr txBox="1"/>
          <p:nvPr/>
        </p:nvSpPr>
        <p:spPr>
          <a:xfrm>
            <a:off x="2007310" y="5652304"/>
            <a:ext cx="653696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err="1">
                <a:solidFill>
                  <a:srgbClr val="C00000"/>
                </a:solidFill>
              </a:rPr>
              <a:t>Størst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antal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kant-disjunkt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stier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fra</a:t>
            </a:r>
            <a:r>
              <a:rPr lang="en-US" sz="2800" dirty="0">
                <a:solidFill>
                  <a:srgbClr val="C00000"/>
                </a:solidFill>
              </a:rPr>
              <a:t> A </a:t>
            </a:r>
            <a:r>
              <a:rPr lang="en-US" sz="2800" dirty="0" err="1">
                <a:solidFill>
                  <a:srgbClr val="C00000"/>
                </a:solidFill>
              </a:rPr>
              <a:t>til</a:t>
            </a:r>
            <a:r>
              <a:rPr lang="en-US" sz="2800" dirty="0">
                <a:solidFill>
                  <a:srgbClr val="C00000"/>
                </a:solidFill>
              </a:rPr>
              <a:t> B ?</a:t>
            </a:r>
          </a:p>
        </p:txBody>
      </p:sp>
      <p:sp>
        <p:nvSpPr>
          <p:cNvPr id="84" name="Freeform 83"/>
          <p:cNvSpPr/>
          <p:nvPr/>
        </p:nvSpPr>
        <p:spPr>
          <a:xfrm>
            <a:off x="1778000" y="1972738"/>
            <a:ext cx="8458200" cy="2015067"/>
          </a:xfrm>
          <a:custGeom>
            <a:avLst/>
            <a:gdLst>
              <a:gd name="connsiteX0" fmla="*/ 8458200 w 8458200"/>
              <a:gd name="connsiteY0" fmla="*/ 1794934 h 2015067"/>
              <a:gd name="connsiteX1" fmla="*/ 6172200 w 8458200"/>
              <a:gd name="connsiteY1" fmla="*/ 745067 h 2015067"/>
              <a:gd name="connsiteX2" fmla="*/ 4834467 w 8458200"/>
              <a:gd name="connsiteY2" fmla="*/ 2015067 h 2015067"/>
              <a:gd name="connsiteX3" fmla="*/ 2269067 w 8458200"/>
              <a:gd name="connsiteY3" fmla="*/ 0 h 2015067"/>
              <a:gd name="connsiteX4" fmla="*/ 1185333 w 8458200"/>
              <a:gd name="connsiteY4" fmla="*/ 795867 h 2015067"/>
              <a:gd name="connsiteX5" fmla="*/ 0 w 8458200"/>
              <a:gd name="connsiteY5" fmla="*/ 1659467 h 20150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58200" h="2015067">
                <a:moveTo>
                  <a:pt x="8458200" y="1794934"/>
                </a:moveTo>
                <a:lnTo>
                  <a:pt x="6172200" y="745067"/>
                </a:lnTo>
                <a:lnTo>
                  <a:pt x="4834467" y="2015067"/>
                </a:lnTo>
                <a:lnTo>
                  <a:pt x="2269067" y="0"/>
                </a:lnTo>
                <a:lnTo>
                  <a:pt x="1185333" y="795867"/>
                </a:lnTo>
                <a:lnTo>
                  <a:pt x="0" y="1659467"/>
                </a:lnTo>
              </a:path>
            </a:pathLst>
          </a:custGeom>
          <a:noFill/>
          <a:ln w="127000">
            <a:solidFill>
              <a:schemeClr val="accent6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5" name="Freeform 84"/>
          <p:cNvSpPr/>
          <p:nvPr/>
        </p:nvSpPr>
        <p:spPr>
          <a:xfrm>
            <a:off x="1794933" y="3632205"/>
            <a:ext cx="8449734" cy="2167467"/>
          </a:xfrm>
          <a:custGeom>
            <a:avLst/>
            <a:gdLst>
              <a:gd name="connsiteX0" fmla="*/ 8449734 w 8449734"/>
              <a:gd name="connsiteY0" fmla="*/ 127000 h 2167467"/>
              <a:gd name="connsiteX1" fmla="*/ 7137400 w 8449734"/>
              <a:gd name="connsiteY1" fmla="*/ 2167467 h 2167467"/>
              <a:gd name="connsiteX2" fmla="*/ 4817534 w 8449734"/>
              <a:gd name="connsiteY2" fmla="*/ 355600 h 2167467"/>
              <a:gd name="connsiteX3" fmla="*/ 2785534 w 8449734"/>
              <a:gd name="connsiteY3" fmla="*/ 1947333 h 2167467"/>
              <a:gd name="connsiteX4" fmla="*/ 2065867 w 8449734"/>
              <a:gd name="connsiteY4" fmla="*/ 931333 h 2167467"/>
              <a:gd name="connsiteX5" fmla="*/ 414867 w 8449734"/>
              <a:gd name="connsiteY5" fmla="*/ 1727200 h 2167467"/>
              <a:gd name="connsiteX6" fmla="*/ 0 w 8449734"/>
              <a:gd name="connsiteY6" fmla="*/ 0 h 21674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8449734" h="2167467">
                <a:moveTo>
                  <a:pt x="8449734" y="127000"/>
                </a:moveTo>
                <a:lnTo>
                  <a:pt x="7137400" y="2167467"/>
                </a:lnTo>
                <a:lnTo>
                  <a:pt x="4817534" y="355600"/>
                </a:lnTo>
                <a:lnTo>
                  <a:pt x="2785534" y="1947333"/>
                </a:lnTo>
                <a:lnTo>
                  <a:pt x="2065867" y="931333"/>
                </a:lnTo>
                <a:lnTo>
                  <a:pt x="414867" y="1727200"/>
                </a:lnTo>
                <a:lnTo>
                  <a:pt x="0" y="0"/>
                </a:lnTo>
              </a:path>
            </a:pathLst>
          </a:custGeom>
          <a:noFill/>
          <a:ln w="127000">
            <a:solidFill>
              <a:srgbClr val="7030A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86" name="Group 85"/>
          <p:cNvGrpSpPr/>
          <p:nvPr/>
        </p:nvGrpSpPr>
        <p:grpSpPr>
          <a:xfrm>
            <a:off x="1687766" y="152656"/>
            <a:ext cx="8640940" cy="5724616"/>
            <a:chOff x="163766" y="152656"/>
            <a:chExt cx="8640940" cy="5724616"/>
          </a:xfrm>
          <a:solidFill>
            <a:schemeClr val="bg1"/>
          </a:solidFill>
        </p:grpSpPr>
        <p:sp>
          <p:nvSpPr>
            <p:cNvPr id="87" name="Oval 86"/>
            <p:cNvSpPr/>
            <p:nvPr/>
          </p:nvSpPr>
          <p:spPr>
            <a:xfrm>
              <a:off x="2197992" y="232623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8" name="Oval 87"/>
            <p:cNvSpPr/>
            <p:nvPr/>
          </p:nvSpPr>
          <p:spPr>
            <a:xfrm>
              <a:off x="379790" y="8007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9" name="Oval 88"/>
            <p:cNvSpPr/>
            <p:nvPr/>
          </p:nvSpPr>
          <p:spPr>
            <a:xfrm>
              <a:off x="1351898" y="26729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Oval 89"/>
            <p:cNvSpPr/>
            <p:nvPr/>
          </p:nvSpPr>
          <p:spPr>
            <a:xfrm>
              <a:off x="2432018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1" name="Oval 90"/>
            <p:cNvSpPr/>
            <p:nvPr/>
          </p:nvSpPr>
          <p:spPr>
            <a:xfrm>
              <a:off x="5060310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" name="Oval 91"/>
            <p:cNvSpPr/>
            <p:nvPr/>
          </p:nvSpPr>
          <p:spPr>
            <a:xfrm>
              <a:off x="6104426" y="15265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92"/>
            <p:cNvSpPr/>
            <p:nvPr/>
          </p:nvSpPr>
          <p:spPr>
            <a:xfrm>
              <a:off x="6320450" y="26009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93"/>
            <p:cNvSpPr/>
            <p:nvPr/>
          </p:nvSpPr>
          <p:spPr>
            <a:xfrm>
              <a:off x="8624706" y="36810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5" name="Oval 94"/>
            <p:cNvSpPr/>
            <p:nvPr/>
          </p:nvSpPr>
          <p:spPr>
            <a:xfrm>
              <a:off x="7292558" y="56972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Oval 95"/>
            <p:cNvSpPr/>
            <p:nvPr/>
          </p:nvSpPr>
          <p:spPr>
            <a:xfrm>
              <a:off x="4988302" y="38970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Oval 96"/>
            <p:cNvSpPr/>
            <p:nvPr/>
          </p:nvSpPr>
          <p:spPr>
            <a:xfrm>
              <a:off x="2972078" y="54812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8" name="Oval 97"/>
            <p:cNvSpPr/>
            <p:nvPr/>
          </p:nvSpPr>
          <p:spPr>
            <a:xfrm>
              <a:off x="2251998" y="44731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9" name="Oval 98"/>
            <p:cNvSpPr/>
            <p:nvPr/>
          </p:nvSpPr>
          <p:spPr>
            <a:xfrm>
              <a:off x="595814" y="5265224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99"/>
            <p:cNvSpPr/>
            <p:nvPr/>
          </p:nvSpPr>
          <p:spPr>
            <a:xfrm>
              <a:off x="163766" y="353703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100"/>
            <p:cNvSpPr/>
            <p:nvPr/>
          </p:nvSpPr>
          <p:spPr>
            <a:xfrm>
              <a:off x="3548142" y="101675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04" name="TextBox 103"/>
          <p:cNvSpPr txBox="1"/>
          <p:nvPr/>
        </p:nvSpPr>
        <p:spPr>
          <a:xfrm>
            <a:off x="1519020" y="6362164"/>
            <a:ext cx="914789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 err="1">
                <a:solidFill>
                  <a:srgbClr val="C00000"/>
                </a:solidFill>
              </a:rPr>
              <a:t>Mindst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antal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kanter</a:t>
            </a:r>
            <a:r>
              <a:rPr lang="en-US" sz="2800" dirty="0">
                <a:solidFill>
                  <a:srgbClr val="C00000"/>
                </a:solidFill>
              </a:rPr>
              <a:t> der </a:t>
            </a:r>
            <a:r>
              <a:rPr lang="en-US" sz="2800" dirty="0" err="1">
                <a:solidFill>
                  <a:srgbClr val="C00000"/>
                </a:solidFill>
              </a:rPr>
              <a:t>skal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fjernes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så</a:t>
            </a:r>
            <a:r>
              <a:rPr lang="en-US" sz="2800" dirty="0">
                <a:solidFill>
                  <a:srgbClr val="C00000"/>
                </a:solidFill>
              </a:rPr>
              <a:t> B </a:t>
            </a:r>
            <a:r>
              <a:rPr lang="en-US" sz="2800" dirty="0" err="1">
                <a:solidFill>
                  <a:srgbClr val="C00000"/>
                </a:solidFill>
              </a:rPr>
              <a:t>ikk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kan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nås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fra</a:t>
            </a:r>
            <a:r>
              <a:rPr lang="en-US" sz="2800" dirty="0">
                <a:solidFill>
                  <a:srgbClr val="C00000"/>
                </a:solidFill>
              </a:rPr>
              <a:t> A ?</a:t>
            </a:r>
          </a:p>
        </p:txBody>
      </p:sp>
      <p:sp>
        <p:nvSpPr>
          <p:cNvPr id="105" name="TextBox 104"/>
          <p:cNvSpPr txBox="1"/>
          <p:nvPr/>
        </p:nvSpPr>
        <p:spPr>
          <a:xfrm rot="5400000">
            <a:off x="5078043" y="5935863"/>
            <a:ext cx="439544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4000" dirty="0">
                <a:solidFill>
                  <a:srgbClr val="C00000"/>
                </a:solidFill>
              </a:rPr>
              <a:t>=</a:t>
            </a:r>
          </a:p>
        </p:txBody>
      </p:sp>
      <p:sp>
        <p:nvSpPr>
          <p:cNvPr id="106" name="TextBox 105"/>
          <p:cNvSpPr txBox="1"/>
          <p:nvPr/>
        </p:nvSpPr>
        <p:spPr>
          <a:xfrm>
            <a:off x="5651758" y="6037059"/>
            <a:ext cx="396044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>
                <a:solidFill>
                  <a:srgbClr val="002060"/>
                </a:solidFill>
              </a:rPr>
              <a:t>(</a:t>
            </a:r>
            <a:r>
              <a:rPr lang="da-DK" sz="2400" dirty="0" err="1">
                <a:solidFill>
                  <a:srgbClr val="002060"/>
                </a:solidFill>
              </a:rPr>
              <a:t>Menger’s</a:t>
            </a:r>
            <a:r>
              <a:rPr lang="da-DK" sz="2400" dirty="0">
                <a:solidFill>
                  <a:srgbClr val="002060"/>
                </a:solidFill>
              </a:rPr>
              <a:t> sætning)</a:t>
            </a:r>
          </a:p>
        </p:txBody>
      </p:sp>
      <p:grpSp>
        <p:nvGrpSpPr>
          <p:cNvPr id="125" name="Group 124"/>
          <p:cNvGrpSpPr/>
          <p:nvPr/>
        </p:nvGrpSpPr>
        <p:grpSpPr>
          <a:xfrm>
            <a:off x="1935302" y="323364"/>
            <a:ext cx="7689090" cy="4792598"/>
            <a:chOff x="411302" y="323364"/>
            <a:chExt cx="7689090" cy="4792598"/>
          </a:xfrm>
        </p:grpSpPr>
        <p:grpSp>
          <p:nvGrpSpPr>
            <p:cNvPr id="122" name="Group 121"/>
            <p:cNvGrpSpPr/>
            <p:nvPr/>
          </p:nvGrpSpPr>
          <p:grpSpPr>
            <a:xfrm>
              <a:off x="411302" y="323364"/>
              <a:ext cx="7689090" cy="4792598"/>
              <a:chOff x="411302" y="323364"/>
              <a:chExt cx="7689090" cy="4792598"/>
            </a:xfrm>
          </p:grpSpPr>
          <p:sp>
            <p:nvSpPr>
              <p:cNvPr id="107" name="TextBox 106"/>
              <p:cNvSpPr txBox="1"/>
              <p:nvPr/>
            </p:nvSpPr>
            <p:spPr>
              <a:xfrm>
                <a:off x="5508104" y="1916832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08" name="TextBox 107"/>
              <p:cNvSpPr txBox="1"/>
              <p:nvPr/>
            </p:nvSpPr>
            <p:spPr>
              <a:xfrm>
                <a:off x="5076056" y="108467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09" name="TextBox 108"/>
              <p:cNvSpPr txBox="1"/>
              <p:nvPr/>
            </p:nvSpPr>
            <p:spPr>
              <a:xfrm>
                <a:off x="4139952" y="118746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0" name="TextBox 109"/>
              <p:cNvSpPr txBox="1"/>
              <p:nvPr/>
            </p:nvSpPr>
            <p:spPr>
              <a:xfrm>
                <a:off x="2787566" y="40466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1" name="TextBox 110"/>
              <p:cNvSpPr txBox="1"/>
              <p:nvPr/>
            </p:nvSpPr>
            <p:spPr>
              <a:xfrm>
                <a:off x="1059374" y="32336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2" name="TextBox 111"/>
              <p:cNvSpPr txBox="1"/>
              <p:nvPr/>
            </p:nvSpPr>
            <p:spPr>
              <a:xfrm>
                <a:off x="843350" y="154750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3" name="TextBox 112"/>
              <p:cNvSpPr txBox="1"/>
              <p:nvPr/>
            </p:nvSpPr>
            <p:spPr>
              <a:xfrm>
                <a:off x="1779454" y="3491716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4" name="TextBox 113"/>
              <p:cNvSpPr txBox="1"/>
              <p:nvPr/>
            </p:nvSpPr>
            <p:spPr>
              <a:xfrm>
                <a:off x="2571542" y="4715852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5" name="TextBox 114"/>
              <p:cNvSpPr txBox="1"/>
              <p:nvPr/>
            </p:nvSpPr>
            <p:spPr>
              <a:xfrm>
                <a:off x="3563888" y="450912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6" name="TextBox 115"/>
              <p:cNvSpPr txBox="1"/>
              <p:nvPr/>
            </p:nvSpPr>
            <p:spPr>
              <a:xfrm>
                <a:off x="6084168" y="450912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7" name="TextBox 116"/>
              <p:cNvSpPr txBox="1"/>
              <p:nvPr/>
            </p:nvSpPr>
            <p:spPr>
              <a:xfrm>
                <a:off x="7540094" y="4571836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8" name="TextBox 117"/>
              <p:cNvSpPr txBox="1"/>
              <p:nvPr/>
            </p:nvSpPr>
            <p:spPr>
              <a:xfrm>
                <a:off x="7308304" y="284364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9" name="TextBox 118"/>
              <p:cNvSpPr txBox="1"/>
              <p:nvPr/>
            </p:nvSpPr>
            <p:spPr>
              <a:xfrm>
                <a:off x="1131382" y="4581128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20" name="TextBox 119"/>
              <p:cNvSpPr txBox="1"/>
              <p:nvPr/>
            </p:nvSpPr>
            <p:spPr>
              <a:xfrm>
                <a:off x="411302" y="428380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21" name="TextBox 120"/>
              <p:cNvSpPr txBox="1"/>
              <p:nvPr/>
            </p:nvSpPr>
            <p:spPr>
              <a:xfrm>
                <a:off x="467544" y="2771636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</p:grpSp>
        <p:sp>
          <p:nvSpPr>
            <p:cNvPr id="123" name="TextBox 122"/>
            <p:cNvSpPr txBox="1"/>
            <p:nvPr/>
          </p:nvSpPr>
          <p:spPr>
            <a:xfrm>
              <a:off x="5255613" y="3059668"/>
              <a:ext cx="56029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2000" b="1" dirty="0">
                  <a:solidFill>
                    <a:srgbClr val="C00000"/>
                  </a:solidFill>
                </a:rPr>
                <a:t>1</a:t>
              </a:r>
            </a:p>
          </p:txBody>
        </p:sp>
        <p:sp>
          <p:nvSpPr>
            <p:cNvPr id="124" name="TextBox 123"/>
            <p:cNvSpPr txBox="1"/>
            <p:nvPr/>
          </p:nvSpPr>
          <p:spPr>
            <a:xfrm>
              <a:off x="3507646" y="3059668"/>
              <a:ext cx="56029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2000" b="1" dirty="0">
                  <a:solidFill>
                    <a:srgbClr val="C00000"/>
                  </a:solidFill>
                </a:rPr>
                <a:t>1</a:t>
              </a:r>
            </a:p>
          </p:txBody>
        </p:sp>
      </p:grpSp>
      <p:sp>
        <p:nvSpPr>
          <p:cNvPr id="126" name="TextBox 125"/>
          <p:cNvSpPr txBox="1"/>
          <p:nvPr/>
        </p:nvSpPr>
        <p:spPr>
          <a:xfrm>
            <a:off x="9026952" y="484906"/>
            <a:ext cx="2522516" cy="1384995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Find maksimal strømning fra </a:t>
            </a:r>
            <a:r>
              <a:rPr lang="da-DK" b="1" dirty="0">
                <a:solidFill>
                  <a:srgbClr val="C00000"/>
                </a:solidFill>
              </a:rPr>
              <a:t>A</a:t>
            </a:r>
            <a:r>
              <a:rPr lang="da-DK" dirty="0"/>
              <a:t> til </a:t>
            </a:r>
            <a:r>
              <a:rPr lang="da-DK" b="1" dirty="0">
                <a:solidFill>
                  <a:srgbClr val="C00000"/>
                </a:solidFill>
              </a:rPr>
              <a:t>B</a:t>
            </a:r>
            <a:r>
              <a:rPr lang="da-DK" dirty="0"/>
              <a:t> når alle kanter har kapacitet </a:t>
            </a:r>
            <a:r>
              <a:rPr lang="da-DK" b="1" dirty="0">
                <a:solidFill>
                  <a:srgbClr val="C00000"/>
                </a:solidFill>
              </a:rPr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3379067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1" grpId="0"/>
      <p:bldP spid="82" grpId="0"/>
      <p:bldP spid="83" grpId="0"/>
      <p:bldP spid="84" grpId="0" animBg="1"/>
      <p:bldP spid="85" grpId="0" animBg="1"/>
      <p:bldP spid="104" grpId="0"/>
      <p:bldP spid="105" grpId="0"/>
      <p:bldP spid="106" grpId="0"/>
      <p:bldP spid="126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42" name="Group 441">
            <a:extLst>
              <a:ext uri="{FF2B5EF4-FFF2-40B4-BE49-F238E27FC236}">
                <a16:creationId xmlns:a16="http://schemas.microsoft.com/office/drawing/2014/main" id="{9C5F5287-88D7-AA77-3F4D-822A8A4E45F1}"/>
              </a:ext>
            </a:extLst>
          </p:cNvPr>
          <p:cNvGrpSpPr/>
          <p:nvPr/>
        </p:nvGrpSpPr>
        <p:grpSpPr>
          <a:xfrm>
            <a:off x="-321863" y="-298256"/>
            <a:ext cx="13187073" cy="7378812"/>
            <a:chOff x="-321863" y="-298256"/>
            <a:chExt cx="13187073" cy="7378812"/>
          </a:xfrm>
          <a:solidFill>
            <a:schemeClr val="tx1">
              <a:lumMod val="75000"/>
              <a:lumOff val="25000"/>
            </a:schemeClr>
          </a:solidFill>
        </p:grpSpPr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31EA3810-17E3-364A-DF63-2F97F6038F5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647728" y="440648"/>
              <a:ext cx="4176464" cy="39606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5241B477-1465-E911-DD7D-529FCC472888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3598033" y="836712"/>
              <a:ext cx="769775" cy="124259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D26F8C68-2F37-2166-DB6A-796211A5899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919536" y="836712"/>
              <a:ext cx="1656184" cy="36000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FC311A55-B37C-6303-ACCE-CDA6AAA2B95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415520" y="1196712"/>
              <a:ext cx="504016" cy="1658828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308570E4-30D1-FAB4-580B-59782B8772C7}"/>
                </a:ext>
              </a:extLst>
            </p:cNvPr>
            <p:cNvCxnSpPr>
              <a:cxnSpLocks/>
            </p:cNvCxnSpPr>
            <p:nvPr/>
          </p:nvCxnSpPr>
          <p:spPr>
            <a:xfrm>
              <a:off x="4367808" y="2079306"/>
              <a:ext cx="4644496" cy="117837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7C1D51DC-100A-3845-4C8D-25337E2462DD}"/>
                </a:ext>
              </a:extLst>
            </p:cNvPr>
            <p:cNvCxnSpPr>
              <a:cxnSpLocks/>
            </p:cNvCxnSpPr>
            <p:nvPr/>
          </p:nvCxnSpPr>
          <p:spPr>
            <a:xfrm>
              <a:off x="3611664" y="836712"/>
              <a:ext cx="756144" cy="124259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C08A9325-840B-FA54-29AA-F4A79CCDC17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071664" y="2079306"/>
              <a:ext cx="1296144" cy="1745718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9C027402-0D78-D4E5-C4A8-0DA8A33A979C}"/>
                </a:ext>
              </a:extLst>
            </p:cNvPr>
            <p:cNvCxnSpPr>
              <a:cxnSpLocks/>
            </p:cNvCxnSpPr>
            <p:nvPr/>
          </p:nvCxnSpPr>
          <p:spPr>
            <a:xfrm>
              <a:off x="1415520" y="2897682"/>
              <a:ext cx="1656144" cy="927342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63B737C9-576D-E132-D846-D44D48922BF3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860176" y="440648"/>
              <a:ext cx="1152128" cy="281703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F3936B7A-5FAE-7446-4794-E38D0FE0876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151589" y="3251719"/>
              <a:ext cx="860715" cy="114936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FF470A0B-5313-5753-3131-2C671AD8854F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860176" y="440648"/>
              <a:ext cx="2736304" cy="56596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B48E922F-ABB9-A176-4CB9-A9D202C78A8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402080" y="817880"/>
              <a:ext cx="2204720" cy="207772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0" name="Straight Connector 359">
              <a:extLst>
                <a:ext uri="{FF2B5EF4-FFF2-40B4-BE49-F238E27FC236}">
                  <a16:creationId xmlns:a16="http://schemas.microsoft.com/office/drawing/2014/main" id="{FE0E8288-99CC-55BD-E8CA-AA6AD3F2134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-158122" y="5280862"/>
              <a:ext cx="976962" cy="74042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1" name="Straight Connector 360">
              <a:extLst>
                <a:ext uri="{FF2B5EF4-FFF2-40B4-BE49-F238E27FC236}">
                  <a16:creationId xmlns:a16="http://schemas.microsoft.com/office/drawing/2014/main" id="{2E11C6C2-FE63-F3F1-A4B1-AF84A2507A33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9759552" y="4836155"/>
              <a:ext cx="2484818" cy="168918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2" name="Straight Connector 361">
              <a:extLst>
                <a:ext uri="{FF2B5EF4-FFF2-40B4-BE49-F238E27FC236}">
                  <a16:creationId xmlns:a16="http://schemas.microsoft.com/office/drawing/2014/main" id="{F7B3B67F-B906-B985-1EDF-DA4EA2862056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4384576" y="2053924"/>
              <a:ext cx="162710" cy="2802281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3" name="Straight Connector 362">
              <a:extLst>
                <a:ext uri="{FF2B5EF4-FFF2-40B4-BE49-F238E27FC236}">
                  <a16:creationId xmlns:a16="http://schemas.microsoft.com/office/drawing/2014/main" id="{BD421DDB-33B5-66B6-9009-48B495001EFE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3046881" y="3833276"/>
              <a:ext cx="1497546" cy="96387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4" name="Straight Connector 363">
              <a:extLst>
                <a:ext uri="{FF2B5EF4-FFF2-40B4-BE49-F238E27FC236}">
                  <a16:creationId xmlns:a16="http://schemas.microsoft.com/office/drawing/2014/main" id="{03C518A3-A7DD-C92C-E64C-58CA6FB83F20}"/>
                </a:ext>
              </a:extLst>
            </p:cNvPr>
            <p:cNvCxnSpPr>
              <a:cxnSpLocks/>
            </p:cNvCxnSpPr>
            <p:nvPr/>
          </p:nvCxnSpPr>
          <p:spPr>
            <a:xfrm>
              <a:off x="821072" y="5283425"/>
              <a:ext cx="2398096" cy="102082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5" name="Straight Connector 364">
              <a:extLst>
                <a:ext uri="{FF2B5EF4-FFF2-40B4-BE49-F238E27FC236}">
                  <a16:creationId xmlns:a16="http://schemas.microsoft.com/office/drawing/2014/main" id="{872ADBBC-59C9-4DB9-8FC6-9C23320D309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98496" y="3825024"/>
              <a:ext cx="2245568" cy="148446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6" name="Straight Connector 365">
              <a:extLst>
                <a:ext uri="{FF2B5EF4-FFF2-40B4-BE49-F238E27FC236}">
                  <a16:creationId xmlns:a16="http://schemas.microsoft.com/office/drawing/2014/main" id="{4CA1DA35-C101-E8C0-68B2-C3DBF025DD2C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10593099" y="1026813"/>
              <a:ext cx="983786" cy="247007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7" name="Straight Connector 366">
              <a:extLst>
                <a:ext uri="{FF2B5EF4-FFF2-40B4-BE49-F238E27FC236}">
                  <a16:creationId xmlns:a16="http://schemas.microsoft.com/office/drawing/2014/main" id="{7DE3EF18-9A50-3AF3-B7C5-BDE324948597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9012304" y="3224166"/>
              <a:ext cx="2564581" cy="28668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8" name="Straight Connector 367">
              <a:extLst>
                <a:ext uri="{FF2B5EF4-FFF2-40B4-BE49-F238E27FC236}">
                  <a16:creationId xmlns:a16="http://schemas.microsoft.com/office/drawing/2014/main" id="{80CEA019-BB16-FE45-6665-68594F1A457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012304" y="997583"/>
              <a:ext cx="1584176" cy="220846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9" name="Straight Connector 368">
              <a:extLst>
                <a:ext uri="{FF2B5EF4-FFF2-40B4-BE49-F238E27FC236}">
                  <a16:creationId xmlns:a16="http://schemas.microsoft.com/office/drawing/2014/main" id="{D13965CF-F9B8-4D6B-5639-13BD9DBD23F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593994" y="4412177"/>
              <a:ext cx="3557595" cy="43792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0" name="Straight Connector 369">
              <a:extLst>
                <a:ext uri="{FF2B5EF4-FFF2-40B4-BE49-F238E27FC236}">
                  <a16:creationId xmlns:a16="http://schemas.microsoft.com/office/drawing/2014/main" id="{D2378953-D7DD-A7B0-FD89-B5F6CFF5D11E}"/>
                </a:ext>
              </a:extLst>
            </p:cNvPr>
            <p:cNvCxnSpPr>
              <a:cxnSpLocks/>
            </p:cNvCxnSpPr>
            <p:nvPr/>
          </p:nvCxnSpPr>
          <p:spPr>
            <a:xfrm>
              <a:off x="4594672" y="4797152"/>
              <a:ext cx="2409832" cy="126329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1" name="Straight Connector 370">
              <a:extLst>
                <a:ext uri="{FF2B5EF4-FFF2-40B4-BE49-F238E27FC236}">
                  <a16:creationId xmlns:a16="http://schemas.microsoft.com/office/drawing/2014/main" id="{5F59C039-28B5-C357-31A2-B5695808C01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271920" y="4826225"/>
              <a:ext cx="1275888" cy="141104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2" name="Straight Connector 371">
              <a:extLst>
                <a:ext uri="{FF2B5EF4-FFF2-40B4-BE49-F238E27FC236}">
                  <a16:creationId xmlns:a16="http://schemas.microsoft.com/office/drawing/2014/main" id="{1A3C89AD-12DA-F0AB-1845-1FEC1B34508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223632" y="6060449"/>
              <a:ext cx="3725309" cy="24379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3" name="Straight Connector 372">
              <a:extLst>
                <a:ext uri="{FF2B5EF4-FFF2-40B4-BE49-F238E27FC236}">
                  <a16:creationId xmlns:a16="http://schemas.microsoft.com/office/drawing/2014/main" id="{4E65557D-6E56-7071-3B95-D46E31381EA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032104" y="4857165"/>
              <a:ext cx="2727448" cy="120697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4" name="Straight Connector 373">
              <a:extLst>
                <a:ext uri="{FF2B5EF4-FFF2-40B4-BE49-F238E27FC236}">
                  <a16:creationId xmlns:a16="http://schemas.microsoft.com/office/drawing/2014/main" id="{032C64FD-2C07-49CA-9567-468AE986A57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151589" y="4399965"/>
              <a:ext cx="1580795" cy="39718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5" name="Straight Connector 374">
              <a:extLst>
                <a:ext uri="{FF2B5EF4-FFF2-40B4-BE49-F238E27FC236}">
                  <a16:creationId xmlns:a16="http://schemas.microsoft.com/office/drawing/2014/main" id="{9266063D-9B9B-310D-D633-5E325D9D83F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032104" y="4401088"/>
              <a:ext cx="1119485" cy="162020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1" name="Straight Connector 410">
              <a:extLst>
                <a:ext uri="{FF2B5EF4-FFF2-40B4-BE49-F238E27FC236}">
                  <a16:creationId xmlns:a16="http://schemas.microsoft.com/office/drawing/2014/main" id="{8B5096EA-79E6-0F21-B47B-CDA1435904F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23577" y="-298256"/>
              <a:ext cx="1368759" cy="100531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2" name="Straight Connector 411">
              <a:extLst>
                <a:ext uri="{FF2B5EF4-FFF2-40B4-BE49-F238E27FC236}">
                  <a16:creationId xmlns:a16="http://schemas.microsoft.com/office/drawing/2014/main" id="{594844B1-2E03-0403-0125-5804BB93B4A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-252567" y="723629"/>
              <a:ext cx="598035" cy="89100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3" name="Straight Connector 412">
              <a:extLst>
                <a:ext uri="{FF2B5EF4-FFF2-40B4-BE49-F238E27FC236}">
                  <a16:creationId xmlns:a16="http://schemas.microsoft.com/office/drawing/2014/main" id="{BB744EDF-D1C4-D7C4-4F1B-C1F1DC24165F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323577" y="707054"/>
              <a:ext cx="1592016" cy="45029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4" name="Straight Connector 413">
              <a:extLst>
                <a:ext uri="{FF2B5EF4-FFF2-40B4-BE49-F238E27FC236}">
                  <a16:creationId xmlns:a16="http://schemas.microsoft.com/office/drawing/2014/main" id="{5761E831-3E6D-D532-10B6-053D0E2CECE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-321863" y="2895600"/>
              <a:ext cx="1760781" cy="1106861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5" name="Straight Connector 414">
              <a:extLst>
                <a:ext uri="{FF2B5EF4-FFF2-40B4-BE49-F238E27FC236}">
                  <a16:creationId xmlns:a16="http://schemas.microsoft.com/office/drawing/2014/main" id="{33C159B9-FE31-1FD9-D741-9DDE0A62BA1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622070" y="-298256"/>
              <a:ext cx="745738" cy="1114265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6" name="Straight Connector 415">
              <a:extLst>
                <a:ext uri="{FF2B5EF4-FFF2-40B4-BE49-F238E27FC236}">
                  <a16:creationId xmlns:a16="http://schemas.microsoft.com/office/drawing/2014/main" id="{02458B91-A3BF-7EF7-B986-DA2E62E2C848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266120" y="-170693"/>
              <a:ext cx="612048" cy="63192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7" name="Straight Connector 416">
              <a:extLst>
                <a:ext uri="{FF2B5EF4-FFF2-40B4-BE49-F238E27FC236}">
                  <a16:creationId xmlns:a16="http://schemas.microsoft.com/office/drawing/2014/main" id="{62128B40-9DA4-A30B-50B1-1A3D3BABE1B7}"/>
                </a:ext>
              </a:extLst>
            </p:cNvPr>
            <p:cNvCxnSpPr>
              <a:cxnSpLocks/>
            </p:cNvCxnSpPr>
            <p:nvPr/>
          </p:nvCxnSpPr>
          <p:spPr>
            <a:xfrm>
              <a:off x="11575892" y="3523804"/>
              <a:ext cx="1289318" cy="281496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8" name="Straight Connector 417">
              <a:extLst>
                <a:ext uri="{FF2B5EF4-FFF2-40B4-BE49-F238E27FC236}">
                  <a16:creationId xmlns:a16="http://schemas.microsoft.com/office/drawing/2014/main" id="{9A85A9F6-8A60-F6B5-CD97-443B06EE5E3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576885" y="3314574"/>
              <a:ext cx="1152128" cy="20923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9" name="Straight Connector 418">
              <a:extLst>
                <a:ext uri="{FF2B5EF4-FFF2-40B4-BE49-F238E27FC236}">
                  <a16:creationId xmlns:a16="http://schemas.microsoft.com/office/drawing/2014/main" id="{446D7177-75C8-719C-7367-9CD5A033F89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632464" y="-111038"/>
              <a:ext cx="2041874" cy="1108621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6" name="Straight Connector 435">
              <a:extLst>
                <a:ext uri="{FF2B5EF4-FFF2-40B4-BE49-F238E27FC236}">
                  <a16:creationId xmlns:a16="http://schemas.microsoft.com/office/drawing/2014/main" id="{6843A1AE-5655-3CCA-348B-B7587B96E97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294958" y="6286587"/>
              <a:ext cx="976962" cy="74042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7" name="Straight Connector 436">
              <a:extLst>
                <a:ext uri="{FF2B5EF4-FFF2-40B4-BE49-F238E27FC236}">
                  <a16:creationId xmlns:a16="http://schemas.microsoft.com/office/drawing/2014/main" id="{40E7A78F-6424-1CF8-A7B1-1C8B090AE6F6}"/>
                </a:ext>
              </a:extLst>
            </p:cNvPr>
            <p:cNvCxnSpPr>
              <a:cxnSpLocks/>
            </p:cNvCxnSpPr>
            <p:nvPr/>
          </p:nvCxnSpPr>
          <p:spPr>
            <a:xfrm>
              <a:off x="7001693" y="6064142"/>
              <a:ext cx="356726" cy="101641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44" name="Group 443">
            <a:extLst>
              <a:ext uri="{FF2B5EF4-FFF2-40B4-BE49-F238E27FC236}">
                <a16:creationId xmlns:a16="http://schemas.microsoft.com/office/drawing/2014/main" id="{3BE3FC73-9C39-8816-DF0E-675E4E8F274F}"/>
              </a:ext>
            </a:extLst>
          </p:cNvPr>
          <p:cNvGrpSpPr/>
          <p:nvPr/>
        </p:nvGrpSpPr>
        <p:grpSpPr>
          <a:xfrm>
            <a:off x="47328" y="157943"/>
            <a:ext cx="11791042" cy="6367401"/>
            <a:chOff x="-42394" y="49951"/>
            <a:chExt cx="11791042" cy="6367401"/>
          </a:xfrm>
        </p:grpSpPr>
        <p:sp>
          <p:nvSpPr>
            <p:cNvPr id="5" name="Oval 4">
              <a:extLst>
                <a:ext uri="{FF2B5EF4-FFF2-40B4-BE49-F238E27FC236}">
                  <a16:creationId xmlns:a16="http://schemas.microsoft.com/office/drawing/2014/main" id="{63EDDC22-228C-B1B6-8B32-C14864E099B3}"/>
                </a:ext>
              </a:extLst>
            </p:cNvPr>
            <p:cNvSpPr/>
            <p:nvPr/>
          </p:nvSpPr>
          <p:spPr>
            <a:xfrm>
              <a:off x="3999571" y="1688609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6" name="Oval 5">
              <a:extLst>
                <a:ext uri="{FF2B5EF4-FFF2-40B4-BE49-F238E27FC236}">
                  <a16:creationId xmlns:a16="http://schemas.microsoft.com/office/drawing/2014/main" id="{E1950719-4BBF-534F-5A91-59801F2874D5}"/>
                </a:ext>
              </a:extLst>
            </p:cNvPr>
            <p:cNvSpPr/>
            <p:nvPr/>
          </p:nvSpPr>
          <p:spPr>
            <a:xfrm>
              <a:off x="1036762" y="250698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0B1E72F7-6B59-1C56-803E-D9D9BA83549A}"/>
                </a:ext>
              </a:extLst>
            </p:cNvPr>
            <p:cNvSpPr/>
            <p:nvPr/>
          </p:nvSpPr>
          <p:spPr>
            <a:xfrm>
              <a:off x="1587283" y="76665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8" name="Oval 7">
              <a:extLst>
                <a:ext uri="{FF2B5EF4-FFF2-40B4-BE49-F238E27FC236}">
                  <a16:creationId xmlns:a16="http://schemas.microsoft.com/office/drawing/2014/main" id="{C3792AEC-0B3B-C701-32A6-D182E262A1CF}"/>
                </a:ext>
              </a:extLst>
            </p:cNvPr>
            <p:cNvSpPr/>
            <p:nvPr/>
          </p:nvSpPr>
          <p:spPr>
            <a:xfrm>
              <a:off x="8644067" y="286698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9" name="Oval 8">
              <a:extLst>
                <a:ext uri="{FF2B5EF4-FFF2-40B4-BE49-F238E27FC236}">
                  <a16:creationId xmlns:a16="http://schemas.microsoft.com/office/drawing/2014/main" id="{5D95FB4E-0B86-9E72-06AD-E58A33C1075B}"/>
                </a:ext>
              </a:extLst>
            </p:cNvPr>
            <p:cNvSpPr/>
            <p:nvPr/>
          </p:nvSpPr>
          <p:spPr>
            <a:xfrm>
              <a:off x="2703427" y="3434327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DA892480-F196-FF3D-B3E5-3F823485EF2D}"/>
                </a:ext>
              </a:extLst>
            </p:cNvPr>
            <p:cNvSpPr/>
            <p:nvPr/>
          </p:nvSpPr>
          <p:spPr>
            <a:xfrm>
              <a:off x="435155" y="491051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9CA19DF1-3470-22DC-AE9A-B93607E5DA64}"/>
                </a:ext>
              </a:extLst>
            </p:cNvPr>
            <p:cNvSpPr/>
            <p:nvPr/>
          </p:nvSpPr>
          <p:spPr>
            <a:xfrm>
              <a:off x="2883427" y="5877352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3CE2CE01-5AE2-5F2F-E143-68189C9E0FC6}"/>
                </a:ext>
              </a:extLst>
            </p:cNvPr>
            <p:cNvSpPr/>
            <p:nvPr/>
          </p:nvSpPr>
          <p:spPr>
            <a:xfrm>
              <a:off x="4179571" y="4442439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B74291FD-F9FC-E53D-8B7C-2AD2407CEAF1}"/>
                </a:ext>
              </a:extLst>
            </p:cNvPr>
            <p:cNvSpPr/>
            <p:nvPr/>
          </p:nvSpPr>
          <p:spPr>
            <a:xfrm>
              <a:off x="3243427" y="435914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5E2AD08B-ADC4-505D-54FE-AFE89CC592B4}"/>
                </a:ext>
              </a:extLst>
            </p:cNvPr>
            <p:cNvSpPr/>
            <p:nvPr/>
          </p:nvSpPr>
          <p:spPr>
            <a:xfrm>
              <a:off x="6646734" y="566657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6C38949A-3C7F-D601-F29D-D3E3FCA6D56C}"/>
                </a:ext>
              </a:extLst>
            </p:cNvPr>
            <p:cNvSpPr/>
            <p:nvPr/>
          </p:nvSpPr>
          <p:spPr>
            <a:xfrm>
              <a:off x="7783352" y="401039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DB97900E-DD47-7945-C069-D5BDEE39B119}"/>
                </a:ext>
              </a:extLst>
            </p:cNvPr>
            <p:cNvSpPr/>
            <p:nvPr/>
          </p:nvSpPr>
          <p:spPr>
            <a:xfrm>
              <a:off x="7491939" y="4995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7" name="Oval 16">
              <a:extLst>
                <a:ext uri="{FF2B5EF4-FFF2-40B4-BE49-F238E27FC236}">
                  <a16:creationId xmlns:a16="http://schemas.microsoft.com/office/drawing/2014/main" id="{293746F0-5F1C-349B-385C-4DC8135D66A1}"/>
                </a:ext>
              </a:extLst>
            </p:cNvPr>
            <p:cNvSpPr/>
            <p:nvPr/>
          </p:nvSpPr>
          <p:spPr>
            <a:xfrm>
              <a:off x="9364147" y="4447186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8" name="Oval 17">
              <a:extLst>
                <a:ext uri="{FF2B5EF4-FFF2-40B4-BE49-F238E27FC236}">
                  <a16:creationId xmlns:a16="http://schemas.microsoft.com/office/drawing/2014/main" id="{DB4B88D1-A9B6-E626-5E89-3F7D6514DF03}"/>
                </a:ext>
              </a:extLst>
            </p:cNvPr>
            <p:cNvSpPr/>
            <p:nvPr/>
          </p:nvSpPr>
          <p:spPr>
            <a:xfrm>
              <a:off x="10228243" y="62601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397" name="Oval 396">
              <a:extLst>
                <a:ext uri="{FF2B5EF4-FFF2-40B4-BE49-F238E27FC236}">
                  <a16:creationId xmlns:a16="http://schemas.microsoft.com/office/drawing/2014/main" id="{CFF96B47-7091-012E-F1FF-B989FAF2200D}"/>
                </a:ext>
              </a:extLst>
            </p:cNvPr>
            <p:cNvSpPr/>
            <p:nvPr/>
          </p:nvSpPr>
          <p:spPr>
            <a:xfrm>
              <a:off x="11208648" y="3133107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429" name="Oval 428">
              <a:extLst>
                <a:ext uri="{FF2B5EF4-FFF2-40B4-BE49-F238E27FC236}">
                  <a16:creationId xmlns:a16="http://schemas.microsoft.com/office/drawing/2014/main" id="{FBF5A118-A25F-5D69-8FBD-90829B6ADE0B}"/>
                </a:ext>
              </a:extLst>
            </p:cNvPr>
            <p:cNvSpPr/>
            <p:nvPr/>
          </p:nvSpPr>
          <p:spPr>
            <a:xfrm>
              <a:off x="-42394" y="332932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</p:grpSp>
      <p:sp>
        <p:nvSpPr>
          <p:cNvPr id="443" name="TextBox 442">
            <a:extLst>
              <a:ext uri="{FF2B5EF4-FFF2-40B4-BE49-F238E27FC236}">
                <a16:creationId xmlns:a16="http://schemas.microsoft.com/office/drawing/2014/main" id="{E9754462-339A-0F9E-6B8B-BB38B0FDD6DD}"/>
              </a:ext>
            </a:extLst>
          </p:cNvPr>
          <p:cNvSpPr txBox="1"/>
          <p:nvPr/>
        </p:nvSpPr>
        <p:spPr>
          <a:xfrm>
            <a:off x="597821" y="1037629"/>
            <a:ext cx="9144000" cy="55399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8000" b="1" dirty="0">
                <a:solidFill>
                  <a:schemeClr val="bg1"/>
                </a:solidFill>
              </a:rPr>
              <a:t>Grafer og Algoritmer</a:t>
            </a:r>
            <a:endParaRPr lang="da-DK" sz="2800" b="1" dirty="0">
              <a:solidFill>
                <a:schemeClr val="bg1"/>
              </a:solidFill>
            </a:endParaRPr>
          </a:p>
          <a:p>
            <a:endParaRPr lang="da-DK" b="1" dirty="0">
              <a:solidFill>
                <a:schemeClr val="bg1"/>
              </a:solidFill>
            </a:endParaRPr>
          </a:p>
          <a:p>
            <a:endParaRPr lang="da-DK" sz="3600" b="1" dirty="0">
              <a:solidFill>
                <a:schemeClr val="bg1"/>
              </a:solidFill>
            </a:endParaRPr>
          </a:p>
          <a:p>
            <a:r>
              <a:rPr lang="da-DK" sz="4000" b="1" dirty="0">
                <a:solidFill>
                  <a:schemeClr val="bg1"/>
                </a:solidFill>
              </a:rPr>
              <a:t>Gerth </a:t>
            </a:r>
            <a:r>
              <a:rPr lang="da-DK" sz="4000" b="1" dirty="0" err="1">
                <a:solidFill>
                  <a:schemeClr val="bg1"/>
                </a:solidFill>
              </a:rPr>
              <a:t>Stølting</a:t>
            </a:r>
            <a:r>
              <a:rPr lang="da-DK" sz="4000" b="1" dirty="0">
                <a:solidFill>
                  <a:schemeClr val="bg1"/>
                </a:solidFill>
              </a:rPr>
              <a:t> Brodal</a:t>
            </a:r>
          </a:p>
          <a:p>
            <a:endParaRPr lang="da-DK" sz="2400" b="1" dirty="0">
              <a:solidFill>
                <a:schemeClr val="bg1"/>
              </a:solidFill>
            </a:endParaRPr>
          </a:p>
          <a:p>
            <a:r>
              <a:rPr lang="da-DK" sz="2400" b="1" dirty="0">
                <a:solidFill>
                  <a:schemeClr val="bg1"/>
                </a:solidFill>
              </a:rPr>
              <a:t>Institut for Datalogi</a:t>
            </a:r>
          </a:p>
          <a:p>
            <a:r>
              <a:rPr lang="da-DK" sz="2400" b="1" dirty="0">
                <a:solidFill>
                  <a:schemeClr val="bg1"/>
                </a:solidFill>
              </a:rPr>
              <a:t>Aarhus Universitet</a:t>
            </a:r>
          </a:p>
          <a:p>
            <a:endParaRPr lang="da-DK" sz="2400" b="1" dirty="0">
              <a:solidFill>
                <a:schemeClr val="bg1"/>
              </a:solidFill>
            </a:endParaRPr>
          </a:p>
          <a:p>
            <a:endParaRPr lang="da-DK" sz="4400" b="1" dirty="0">
              <a:solidFill>
                <a:schemeClr val="bg1"/>
              </a:solidFill>
            </a:endParaRPr>
          </a:p>
          <a:p>
            <a:endParaRPr lang="da-DK" sz="2000" b="1" dirty="0">
              <a:solidFill>
                <a:schemeClr val="bg1"/>
              </a:solidFill>
            </a:endParaRPr>
          </a:p>
          <a:p>
            <a:r>
              <a:rPr lang="da-DK" sz="2000" b="1" dirty="0">
                <a:solidFill>
                  <a:schemeClr val="bg1"/>
                </a:solidFill>
              </a:rPr>
              <a:t>U-</a:t>
            </a:r>
            <a:r>
              <a:rPr lang="da-DK" sz="2000" b="1" dirty="0" err="1">
                <a:solidFill>
                  <a:schemeClr val="bg1"/>
                </a:solidFill>
              </a:rPr>
              <a:t>days</a:t>
            </a:r>
            <a:r>
              <a:rPr lang="da-DK" sz="2000" b="1" dirty="0">
                <a:solidFill>
                  <a:schemeClr val="bg1"/>
                </a:solidFill>
              </a:rPr>
              <a:t>, Aarhus Universitet, 20. </a:t>
            </a:r>
            <a:r>
              <a:rPr lang="da-DK" sz="2000" b="1">
                <a:solidFill>
                  <a:schemeClr val="bg1"/>
                </a:solidFill>
              </a:rPr>
              <a:t>februar 2026</a:t>
            </a:r>
            <a:endParaRPr lang="da-DK" b="1" dirty="0">
              <a:solidFill>
                <a:schemeClr val="bg1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8FFFF78-CC55-944C-2A46-D6F98638D6F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6712" y="3183869"/>
            <a:ext cx="3250729" cy="32507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979314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Parallelogram 50"/>
          <p:cNvSpPr/>
          <p:nvPr/>
        </p:nvSpPr>
        <p:spPr>
          <a:xfrm rot="21359884" flipV="1">
            <a:off x="1641073" y="1124920"/>
            <a:ext cx="2460895" cy="345544"/>
          </a:xfrm>
          <a:prstGeom prst="parallelogram">
            <a:avLst>
              <a:gd name="adj" fmla="val 8164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9" name="Parallelogram 48"/>
          <p:cNvSpPr/>
          <p:nvPr/>
        </p:nvSpPr>
        <p:spPr>
          <a:xfrm rot="2414460">
            <a:off x="1718679" y="1079779"/>
            <a:ext cx="2112947" cy="375419"/>
          </a:xfrm>
          <a:prstGeom prst="parallelogram">
            <a:avLst>
              <a:gd name="adj" fmla="val 11227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23592" y="274638"/>
            <a:ext cx="8229600" cy="1143000"/>
          </a:xfrm>
        </p:spPr>
        <p:txBody>
          <a:bodyPr/>
          <a:lstStyle/>
          <a:p>
            <a:r>
              <a:rPr lang="da-DK"/>
              <a:t>Lyskryds</a:t>
            </a:r>
          </a:p>
        </p:txBody>
      </p:sp>
      <p:grpSp>
        <p:nvGrpSpPr>
          <p:cNvPr id="14" name="Group 13"/>
          <p:cNvGrpSpPr/>
          <p:nvPr/>
        </p:nvGrpSpPr>
        <p:grpSpPr>
          <a:xfrm>
            <a:off x="7591736" y="3428479"/>
            <a:ext cx="232461" cy="673306"/>
            <a:chOff x="5228538" y="3077427"/>
            <a:chExt cx="232461" cy="673306"/>
          </a:xfrm>
        </p:grpSpPr>
        <p:sp>
          <p:nvSpPr>
            <p:cNvPr id="15" name="Rectangle 14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6" name="Oval 15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7" name="Oval 16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8" name="Oval 17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9" name="Group 18"/>
          <p:cNvGrpSpPr/>
          <p:nvPr/>
        </p:nvGrpSpPr>
        <p:grpSpPr>
          <a:xfrm>
            <a:off x="4395803" y="3428479"/>
            <a:ext cx="232461" cy="673306"/>
            <a:chOff x="5228538" y="3077427"/>
            <a:chExt cx="232461" cy="673306"/>
          </a:xfrm>
        </p:grpSpPr>
        <p:sp>
          <p:nvSpPr>
            <p:cNvPr id="20" name="Rectangle 1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" name="Oval 2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2" name="Oval 2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34" name="Group 33"/>
          <p:cNvGrpSpPr/>
          <p:nvPr/>
        </p:nvGrpSpPr>
        <p:grpSpPr>
          <a:xfrm>
            <a:off x="5461114" y="3428479"/>
            <a:ext cx="232461" cy="673306"/>
            <a:chOff x="5228538" y="3077427"/>
            <a:chExt cx="232461" cy="673306"/>
          </a:xfrm>
        </p:grpSpPr>
        <p:sp>
          <p:nvSpPr>
            <p:cNvPr id="35" name="Rectangle 34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6" name="Oval 35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7" name="Oval 36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8" name="Oval 37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39" name="Group 38"/>
          <p:cNvGrpSpPr/>
          <p:nvPr/>
        </p:nvGrpSpPr>
        <p:grpSpPr>
          <a:xfrm>
            <a:off x="6526425" y="3428479"/>
            <a:ext cx="232461" cy="673306"/>
            <a:chOff x="5228538" y="3077427"/>
            <a:chExt cx="232461" cy="673306"/>
          </a:xfrm>
        </p:grpSpPr>
        <p:sp>
          <p:nvSpPr>
            <p:cNvPr id="40" name="Rectangle 3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1" name="Oval 4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2" name="Oval 4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3" name="Oval 4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pic>
        <p:nvPicPr>
          <p:cNvPr id="1026" name="Picture 2" descr="Stock image of 'signal, road, intersection'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94955" y="-57057"/>
            <a:ext cx="1152128" cy="1536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2" name="Straight Arrow Connector 51"/>
          <p:cNvCxnSpPr>
            <a:endCxn id="10" idx="1"/>
          </p:cNvCxnSpPr>
          <p:nvPr/>
        </p:nvCxnSpPr>
        <p:spPr>
          <a:xfrm>
            <a:off x="4628259" y="2662717"/>
            <a:ext cx="832850" cy="0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53"/>
          <p:cNvCxnSpPr>
            <a:stCxn id="10" idx="3"/>
            <a:endCxn id="30" idx="1"/>
          </p:cNvCxnSpPr>
          <p:nvPr/>
        </p:nvCxnSpPr>
        <p:spPr>
          <a:xfrm>
            <a:off x="5693570" y="2662717"/>
            <a:ext cx="832850" cy="0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/>
          <p:cNvCxnSpPr>
            <a:stCxn id="30" idx="3"/>
            <a:endCxn id="25" idx="1"/>
          </p:cNvCxnSpPr>
          <p:nvPr/>
        </p:nvCxnSpPr>
        <p:spPr>
          <a:xfrm>
            <a:off x="6758881" y="2662717"/>
            <a:ext cx="832850" cy="0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Freeform 61"/>
          <p:cNvSpPr/>
          <p:nvPr/>
        </p:nvSpPr>
        <p:spPr>
          <a:xfrm>
            <a:off x="4525557" y="1844824"/>
            <a:ext cx="3175000" cy="481570"/>
          </a:xfrm>
          <a:custGeom>
            <a:avLst/>
            <a:gdLst>
              <a:gd name="connsiteX0" fmla="*/ 3175000 w 3175000"/>
              <a:gd name="connsiteY0" fmla="*/ 702750 h 719683"/>
              <a:gd name="connsiteX1" fmla="*/ 1778000 w 3175000"/>
              <a:gd name="connsiteY1" fmla="*/ 16 h 719683"/>
              <a:gd name="connsiteX2" fmla="*/ 0 w 3175000"/>
              <a:gd name="connsiteY2" fmla="*/ 719683 h 719683"/>
              <a:gd name="connsiteX0" fmla="*/ 3175002 w 3175002"/>
              <a:gd name="connsiteY0" fmla="*/ 702750 h 719683"/>
              <a:gd name="connsiteX1" fmla="*/ 1778002 w 3175002"/>
              <a:gd name="connsiteY1" fmla="*/ 16 h 719683"/>
              <a:gd name="connsiteX2" fmla="*/ 2 w 3175002"/>
              <a:gd name="connsiteY2" fmla="*/ 719683 h 719683"/>
              <a:gd name="connsiteX0" fmla="*/ 3175002 w 3175002"/>
              <a:gd name="connsiteY0" fmla="*/ 702787 h 719720"/>
              <a:gd name="connsiteX1" fmla="*/ 1778002 w 3175002"/>
              <a:gd name="connsiteY1" fmla="*/ 53 h 719720"/>
              <a:gd name="connsiteX2" fmla="*/ 2 w 3175002"/>
              <a:gd name="connsiteY2" fmla="*/ 719720 h 719720"/>
              <a:gd name="connsiteX0" fmla="*/ 3175000 w 3175000"/>
              <a:gd name="connsiteY0" fmla="*/ 0 h 16933"/>
              <a:gd name="connsiteX1" fmla="*/ 0 w 3175000"/>
              <a:gd name="connsiteY1" fmla="*/ 16933 h 16933"/>
              <a:gd name="connsiteX0" fmla="*/ 3175000 w 3175000"/>
              <a:gd name="connsiteY0" fmla="*/ 278496 h 295429"/>
              <a:gd name="connsiteX1" fmla="*/ 0 w 3175000"/>
              <a:gd name="connsiteY1" fmla="*/ 295429 h 295429"/>
              <a:gd name="connsiteX0" fmla="*/ 3175000 w 3175000"/>
              <a:gd name="connsiteY0" fmla="*/ 464637 h 481570"/>
              <a:gd name="connsiteX1" fmla="*/ 0 w 3175000"/>
              <a:gd name="connsiteY1" fmla="*/ 481570 h 4815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3175000" h="481570">
                <a:moveTo>
                  <a:pt x="3175000" y="464637"/>
                </a:moveTo>
                <a:cubicBezTo>
                  <a:pt x="3166534" y="-139319"/>
                  <a:pt x="-1" y="-176007"/>
                  <a:pt x="0" y="481570"/>
                </a:cubicBezTo>
              </a:path>
            </a:pathLst>
          </a:custGeom>
          <a:noFill/>
          <a:ln w="3810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63" name="Rounded Rectangle 62"/>
          <p:cNvSpPr/>
          <p:nvPr/>
        </p:nvSpPr>
        <p:spPr>
          <a:xfrm>
            <a:off x="4007768" y="3215394"/>
            <a:ext cx="4176464" cy="1080120"/>
          </a:xfrm>
          <a:prstGeom prst="roundRect">
            <a:avLst/>
          </a:prstGeom>
          <a:noFill/>
          <a:ln w="12700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024" name="TextBox 1023"/>
          <p:cNvSpPr txBox="1"/>
          <p:nvPr/>
        </p:nvSpPr>
        <p:spPr>
          <a:xfrm>
            <a:off x="4871869" y="4286222"/>
            <a:ext cx="245939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/>
              <a:t>Ulovlige tilstande</a:t>
            </a:r>
          </a:p>
        </p:txBody>
      </p:sp>
      <p:cxnSp>
        <p:nvCxnSpPr>
          <p:cNvPr id="1030" name="Straight Arrow Connector 1029"/>
          <p:cNvCxnSpPr/>
          <p:nvPr/>
        </p:nvCxnSpPr>
        <p:spPr>
          <a:xfrm flipV="1">
            <a:off x="3647733" y="2901118"/>
            <a:ext cx="673885" cy="98252"/>
          </a:xfrm>
          <a:prstGeom prst="straightConnector1">
            <a:avLst/>
          </a:prstGeom>
          <a:ln w="12700">
            <a:solidFill>
              <a:schemeClr val="bg1">
                <a:lumMod val="50000"/>
              </a:schemeClr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TextBox 70"/>
          <p:cNvSpPr txBox="1"/>
          <p:nvPr/>
        </p:nvSpPr>
        <p:spPr>
          <a:xfrm>
            <a:off x="1937371" y="2814704"/>
            <a:ext cx="16673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da-DK" dirty="0"/>
              <a:t>start-tilstanden</a:t>
            </a:r>
          </a:p>
        </p:txBody>
      </p:sp>
      <p:sp>
        <p:nvSpPr>
          <p:cNvPr id="1031" name="Rounded Rectangle 1030"/>
          <p:cNvSpPr/>
          <p:nvPr/>
        </p:nvSpPr>
        <p:spPr>
          <a:xfrm>
            <a:off x="2314889" y="4931182"/>
            <a:ext cx="7596336" cy="1812431"/>
          </a:xfrm>
          <a:prstGeom prst="roundRect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a-DK" sz="2400" dirty="0">
                <a:solidFill>
                  <a:schemeClr val="tx1"/>
                </a:solidFill>
              </a:rPr>
              <a:t>Automatisk kontrol af software til f.eks. styring af lyskryds</a:t>
            </a:r>
          </a:p>
          <a:p>
            <a:pPr marL="449263" indent="-271463">
              <a:buClr>
                <a:srgbClr val="C00000"/>
              </a:buClr>
              <a:buFont typeface="Wingdings" pitchFamily="2" charset="2"/>
              <a:buChar char="§"/>
            </a:pPr>
            <a:r>
              <a:rPr lang="da-DK" sz="2400" dirty="0">
                <a:solidFill>
                  <a:schemeClr val="tx1"/>
                </a:solidFill>
              </a:rPr>
              <a:t>Hvilke tilstande kan man nå (fra start-tilstanden) ?</a:t>
            </a:r>
          </a:p>
          <a:p>
            <a:pPr marL="449263" indent="-271463">
              <a:buClr>
                <a:srgbClr val="C00000"/>
              </a:buClr>
              <a:buFont typeface="Wingdings" pitchFamily="2" charset="2"/>
              <a:buChar char="§"/>
            </a:pPr>
            <a:r>
              <a:rPr lang="da-DK" sz="2400" dirty="0">
                <a:solidFill>
                  <a:schemeClr val="tx1"/>
                </a:solidFill>
              </a:rPr>
              <a:t>Er alle tilstande man kan nå lovlige ?</a:t>
            </a:r>
          </a:p>
          <a:p>
            <a:pPr marL="449263" indent="-271463">
              <a:buClr>
                <a:srgbClr val="C00000"/>
              </a:buClr>
              <a:buFont typeface="Wingdings" pitchFamily="2" charset="2"/>
              <a:buChar char="§"/>
            </a:pPr>
            <a:r>
              <a:rPr lang="da-DK" sz="2400" dirty="0">
                <a:solidFill>
                  <a:schemeClr val="tx1"/>
                </a:solidFill>
              </a:rPr>
              <a:t>Kan der altid blive grønt igen (</a:t>
            </a:r>
            <a:r>
              <a:rPr lang="da-DK" sz="2400" dirty="0" err="1">
                <a:solidFill>
                  <a:schemeClr val="tx1"/>
                </a:solidFill>
              </a:rPr>
              <a:t>liveness</a:t>
            </a:r>
            <a:r>
              <a:rPr lang="da-DK" sz="2400" dirty="0">
                <a:solidFill>
                  <a:schemeClr val="tx1"/>
                </a:solidFill>
              </a:rPr>
              <a:t>) ?</a:t>
            </a:r>
          </a:p>
        </p:txBody>
      </p:sp>
      <p:grpSp>
        <p:nvGrpSpPr>
          <p:cNvPr id="8" name="Group 7"/>
          <p:cNvGrpSpPr/>
          <p:nvPr/>
        </p:nvGrpSpPr>
        <p:grpSpPr>
          <a:xfrm>
            <a:off x="4395803" y="2326064"/>
            <a:ext cx="232461" cy="673306"/>
            <a:chOff x="5228538" y="3077427"/>
            <a:chExt cx="232461" cy="673306"/>
          </a:xfrm>
        </p:grpSpPr>
        <p:sp>
          <p:nvSpPr>
            <p:cNvPr id="4" name="Rectangle 3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" name="Oval 4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" name="Oval 5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" name="Oval 6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9" name="Group 8"/>
          <p:cNvGrpSpPr/>
          <p:nvPr/>
        </p:nvGrpSpPr>
        <p:grpSpPr>
          <a:xfrm>
            <a:off x="5461114" y="2326064"/>
            <a:ext cx="232461" cy="673306"/>
            <a:chOff x="5228538" y="3077427"/>
            <a:chExt cx="232461" cy="673306"/>
          </a:xfrm>
        </p:grpSpPr>
        <p:sp>
          <p:nvSpPr>
            <p:cNvPr id="10" name="Rectangle 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1" name="Oval 1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" name="Oval 1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" name="Oval 1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4" name="Group 23"/>
          <p:cNvGrpSpPr/>
          <p:nvPr/>
        </p:nvGrpSpPr>
        <p:grpSpPr>
          <a:xfrm>
            <a:off x="7591736" y="2326064"/>
            <a:ext cx="232461" cy="673306"/>
            <a:chOff x="5228538" y="3077427"/>
            <a:chExt cx="232461" cy="673306"/>
          </a:xfrm>
        </p:grpSpPr>
        <p:sp>
          <p:nvSpPr>
            <p:cNvPr id="25" name="Rectangle 24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" name="Oval 25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" name="Oval 26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" name="Oval 27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9" name="Group 28"/>
          <p:cNvGrpSpPr/>
          <p:nvPr/>
        </p:nvGrpSpPr>
        <p:grpSpPr>
          <a:xfrm>
            <a:off x="6526425" y="2326064"/>
            <a:ext cx="232461" cy="673306"/>
            <a:chOff x="5228538" y="3077427"/>
            <a:chExt cx="232461" cy="673306"/>
          </a:xfrm>
        </p:grpSpPr>
        <p:sp>
          <p:nvSpPr>
            <p:cNvPr id="30" name="Rectangle 2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1" name="Oval 3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" name="Oval 3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3" name="Oval 3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28320251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0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0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2" grpId="0" animBg="1"/>
      <p:bldP spid="63" grpId="0" animBg="1"/>
      <p:bldP spid="1024" grpId="0"/>
      <p:bldP spid="71" grpId="0"/>
      <p:bldP spid="1031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Parallelogram 50"/>
          <p:cNvSpPr/>
          <p:nvPr/>
        </p:nvSpPr>
        <p:spPr>
          <a:xfrm rot="21359884" flipV="1">
            <a:off x="1641073" y="1124920"/>
            <a:ext cx="2460895" cy="345544"/>
          </a:xfrm>
          <a:prstGeom prst="parallelogram">
            <a:avLst>
              <a:gd name="adj" fmla="val 8164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9" name="Parallelogram 48"/>
          <p:cNvSpPr/>
          <p:nvPr/>
        </p:nvSpPr>
        <p:spPr>
          <a:xfrm rot="2414460">
            <a:off x="1718679" y="1079779"/>
            <a:ext cx="2112947" cy="375419"/>
          </a:xfrm>
          <a:prstGeom prst="parallelogram">
            <a:avLst>
              <a:gd name="adj" fmla="val 11227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23592" y="274638"/>
            <a:ext cx="8229600" cy="1143000"/>
          </a:xfrm>
        </p:spPr>
        <p:txBody>
          <a:bodyPr/>
          <a:lstStyle/>
          <a:p>
            <a:r>
              <a:rPr lang="da-DK"/>
              <a:t>Lyskryds</a:t>
            </a:r>
          </a:p>
        </p:txBody>
      </p:sp>
      <p:pic>
        <p:nvPicPr>
          <p:cNvPr id="1026" name="Picture 2" descr="Stock image of 'signal, road, intersection'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94955" y="-57057"/>
            <a:ext cx="1152128" cy="1536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44" name="Straight Arrow Connector 43"/>
          <p:cNvCxnSpPr/>
          <p:nvPr/>
        </p:nvCxnSpPr>
        <p:spPr>
          <a:xfrm flipV="1">
            <a:off x="2101692" y="1301356"/>
            <a:ext cx="432048" cy="30209"/>
          </a:xfrm>
          <a:prstGeom prst="straightConnector1">
            <a:avLst/>
          </a:prstGeom>
          <a:ln w="38100">
            <a:solidFill>
              <a:schemeClr val="bg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Box 44"/>
          <p:cNvSpPr txBox="1"/>
          <p:nvPr/>
        </p:nvSpPr>
        <p:spPr>
          <a:xfrm>
            <a:off x="1830599" y="1150145"/>
            <a:ext cx="3643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>
                <a:solidFill>
                  <a:schemeClr val="bg1"/>
                </a:solidFill>
              </a:rPr>
              <a:t>A</a:t>
            </a:r>
          </a:p>
        </p:txBody>
      </p:sp>
      <p:sp>
        <p:nvSpPr>
          <p:cNvPr id="56" name="TextBox 55"/>
          <p:cNvSpPr txBox="1"/>
          <p:nvPr/>
        </p:nvSpPr>
        <p:spPr>
          <a:xfrm>
            <a:off x="3139356" y="1475492"/>
            <a:ext cx="3643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>
                <a:solidFill>
                  <a:schemeClr val="bg1"/>
                </a:solidFill>
              </a:rPr>
              <a:t>B</a:t>
            </a:r>
          </a:p>
        </p:txBody>
      </p:sp>
      <p:cxnSp>
        <p:nvCxnSpPr>
          <p:cNvPr id="57" name="Straight Arrow Connector 56"/>
          <p:cNvCxnSpPr/>
          <p:nvPr/>
        </p:nvCxnSpPr>
        <p:spPr>
          <a:xfrm flipH="1" flipV="1">
            <a:off x="2944582" y="1361974"/>
            <a:ext cx="237254" cy="214876"/>
          </a:xfrm>
          <a:prstGeom prst="straightConnector1">
            <a:avLst/>
          </a:prstGeom>
          <a:ln w="38100">
            <a:solidFill>
              <a:schemeClr val="bg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35" name="Group 1034"/>
          <p:cNvGrpSpPr/>
          <p:nvPr/>
        </p:nvGrpSpPr>
        <p:grpSpPr>
          <a:xfrm>
            <a:off x="3781578" y="1440933"/>
            <a:ext cx="5626790" cy="4971300"/>
            <a:chOff x="2257578" y="1440933"/>
            <a:chExt cx="5626790" cy="4971300"/>
          </a:xfrm>
        </p:grpSpPr>
        <p:cxnSp>
          <p:nvCxnSpPr>
            <p:cNvPr id="52" name="Straight Arrow Connector 51"/>
            <p:cNvCxnSpPr>
              <a:stCxn id="162" idx="3"/>
              <a:endCxn id="136" idx="1"/>
            </p:cNvCxnSpPr>
            <p:nvPr/>
          </p:nvCxnSpPr>
          <p:spPr>
            <a:xfrm>
              <a:off x="3288684" y="2259156"/>
              <a:ext cx="1011402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2" name="Freeform 61"/>
            <p:cNvSpPr/>
            <p:nvPr/>
          </p:nvSpPr>
          <p:spPr>
            <a:xfrm>
              <a:off x="3263781" y="1440933"/>
              <a:ext cx="4363258" cy="481570"/>
            </a:xfrm>
            <a:custGeom>
              <a:avLst/>
              <a:gdLst>
                <a:gd name="connsiteX0" fmla="*/ 3175000 w 3175000"/>
                <a:gd name="connsiteY0" fmla="*/ 702750 h 719683"/>
                <a:gd name="connsiteX1" fmla="*/ 1778000 w 3175000"/>
                <a:gd name="connsiteY1" fmla="*/ 16 h 719683"/>
                <a:gd name="connsiteX2" fmla="*/ 0 w 3175000"/>
                <a:gd name="connsiteY2" fmla="*/ 719683 h 719683"/>
                <a:gd name="connsiteX0" fmla="*/ 3175002 w 3175002"/>
                <a:gd name="connsiteY0" fmla="*/ 702750 h 719683"/>
                <a:gd name="connsiteX1" fmla="*/ 1778002 w 3175002"/>
                <a:gd name="connsiteY1" fmla="*/ 16 h 719683"/>
                <a:gd name="connsiteX2" fmla="*/ 2 w 3175002"/>
                <a:gd name="connsiteY2" fmla="*/ 719683 h 719683"/>
                <a:gd name="connsiteX0" fmla="*/ 3175002 w 3175002"/>
                <a:gd name="connsiteY0" fmla="*/ 702787 h 719720"/>
                <a:gd name="connsiteX1" fmla="*/ 1778002 w 3175002"/>
                <a:gd name="connsiteY1" fmla="*/ 53 h 719720"/>
                <a:gd name="connsiteX2" fmla="*/ 2 w 3175002"/>
                <a:gd name="connsiteY2" fmla="*/ 719720 h 719720"/>
                <a:gd name="connsiteX0" fmla="*/ 3175000 w 3175000"/>
                <a:gd name="connsiteY0" fmla="*/ 0 h 16933"/>
                <a:gd name="connsiteX1" fmla="*/ 0 w 3175000"/>
                <a:gd name="connsiteY1" fmla="*/ 16933 h 16933"/>
                <a:gd name="connsiteX0" fmla="*/ 3175000 w 3175000"/>
                <a:gd name="connsiteY0" fmla="*/ 278496 h 295429"/>
                <a:gd name="connsiteX1" fmla="*/ 0 w 3175000"/>
                <a:gd name="connsiteY1" fmla="*/ 295429 h 295429"/>
                <a:gd name="connsiteX0" fmla="*/ 3175000 w 3175000"/>
                <a:gd name="connsiteY0" fmla="*/ 464637 h 481570"/>
                <a:gd name="connsiteX1" fmla="*/ 0 w 3175000"/>
                <a:gd name="connsiteY1" fmla="*/ 481570 h 4815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3175000" h="481570">
                  <a:moveTo>
                    <a:pt x="3175000" y="464637"/>
                  </a:moveTo>
                  <a:cubicBezTo>
                    <a:pt x="3166534" y="-139319"/>
                    <a:pt x="-1" y="-176007"/>
                    <a:pt x="0" y="481570"/>
                  </a:cubicBezTo>
                </a:path>
              </a:pathLst>
            </a:custGeom>
            <a:noFill/>
            <a:ln w="3810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grpSp>
          <p:nvGrpSpPr>
            <p:cNvPr id="70" name="Group 69"/>
            <p:cNvGrpSpPr/>
            <p:nvPr/>
          </p:nvGrpSpPr>
          <p:grpSpPr>
            <a:xfrm>
              <a:off x="2768191" y="3194644"/>
              <a:ext cx="520493" cy="673306"/>
              <a:chOff x="2195736" y="3907822"/>
              <a:chExt cx="520493" cy="673306"/>
            </a:xfrm>
          </p:grpSpPr>
          <p:grpSp>
            <p:nvGrpSpPr>
              <p:cNvPr id="71" name="Group 70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77" name="Rectangle 7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8" name="Oval 7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9" name="Oval 7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0" name="Oval 7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72" name="Group 71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73" name="Rectangle 72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4" name="Oval 73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5" name="Oval 74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6" name="Oval 75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25" name="Group 124"/>
            <p:cNvGrpSpPr/>
            <p:nvPr/>
          </p:nvGrpSpPr>
          <p:grpSpPr>
            <a:xfrm>
              <a:off x="2768191" y="1922503"/>
              <a:ext cx="5116177" cy="673306"/>
              <a:chOff x="2064548" y="4210361"/>
              <a:chExt cx="5116177" cy="673306"/>
            </a:xfrm>
          </p:grpSpPr>
          <p:grpSp>
            <p:nvGrpSpPr>
              <p:cNvPr id="126" name="Group 125"/>
              <p:cNvGrpSpPr/>
              <p:nvPr/>
            </p:nvGrpSpPr>
            <p:grpSpPr>
              <a:xfrm>
                <a:off x="2064548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60" name="Group 15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66" name="Rectangle 16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7" name="Oval 16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8" name="Oval 16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9" name="Oval 16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61" name="Group 16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62" name="Rectangle 16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3" name="Oval 16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4" name="Oval 16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5" name="Oval 16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  <p:grpSp>
            <p:nvGrpSpPr>
              <p:cNvPr id="127" name="Group 126"/>
              <p:cNvGrpSpPr/>
              <p:nvPr/>
            </p:nvGrpSpPr>
            <p:grpSpPr>
              <a:xfrm>
                <a:off x="5128338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50" name="Group 14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56" name="Rectangle 15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7" name="Oval 15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8" name="Oval 15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9" name="Oval 15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51" name="Group 15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52" name="Rectangle 15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3" name="Oval 15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4" name="Oval 15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5" name="Oval 15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solidFill>
                    <a:srgbClr val="00B050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  <p:grpSp>
            <p:nvGrpSpPr>
              <p:cNvPr id="128" name="Group 127"/>
              <p:cNvGrpSpPr/>
              <p:nvPr/>
            </p:nvGrpSpPr>
            <p:grpSpPr>
              <a:xfrm>
                <a:off x="6660232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40" name="Group 13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46" name="Rectangle 14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7" name="Oval 14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8" name="Oval 14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9" name="Oval 14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41" name="Group 14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42" name="Rectangle 14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3" name="Oval 14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4" name="Oval 14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solidFill>
                    <a:srgbClr val="FFC000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5" name="Oval 14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  <p:grpSp>
            <p:nvGrpSpPr>
              <p:cNvPr id="129" name="Group 128"/>
              <p:cNvGrpSpPr/>
              <p:nvPr/>
            </p:nvGrpSpPr>
            <p:grpSpPr>
              <a:xfrm>
                <a:off x="3596443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30" name="Group 12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36" name="Rectangle 13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7" name="Oval 13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8" name="Oval 13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9" name="Oval 13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31" name="Group 13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32" name="Rectangle 13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3" name="Oval 13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4" name="Oval 13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solidFill>
                    <a:srgbClr val="FFC000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5" name="Oval 13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</p:grpSp>
        <p:grpSp>
          <p:nvGrpSpPr>
            <p:cNvPr id="171" name="Group 170"/>
            <p:cNvGrpSpPr/>
            <p:nvPr/>
          </p:nvGrpSpPr>
          <p:grpSpPr>
            <a:xfrm>
              <a:off x="2768191" y="4466785"/>
              <a:ext cx="520493" cy="673306"/>
              <a:chOff x="2195736" y="3907822"/>
              <a:chExt cx="520493" cy="673306"/>
            </a:xfrm>
          </p:grpSpPr>
          <p:grpSp>
            <p:nvGrpSpPr>
              <p:cNvPr id="205" name="Group 20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11" name="Rectangle 21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2" name="Oval 21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3" name="Oval 21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4" name="Oval 21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06" name="Group 20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07" name="Rectangle 20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8" name="Oval 20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9" name="Oval 20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0" name="Oval 20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6" name="Group 215"/>
            <p:cNvGrpSpPr/>
            <p:nvPr/>
          </p:nvGrpSpPr>
          <p:grpSpPr>
            <a:xfrm>
              <a:off x="2768191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50" name="Group 24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56" name="Rectangle 25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7" name="Oval 25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8" name="Oval 25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9" name="Oval 25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51" name="Group 25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52" name="Rectangle 25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3" name="Oval 25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4" name="Oval 25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5" name="Oval 25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sp>
          <p:nvSpPr>
            <p:cNvPr id="50" name="TextBox 49"/>
            <p:cNvSpPr txBox="1"/>
            <p:nvPr/>
          </p:nvSpPr>
          <p:spPr>
            <a:xfrm>
              <a:off x="2768191" y="1634471"/>
              <a:ext cx="232461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b="1"/>
                <a:t>A</a:t>
              </a:r>
            </a:p>
          </p:txBody>
        </p:sp>
        <p:sp>
          <p:nvSpPr>
            <p:cNvPr id="306" name="TextBox 305"/>
            <p:cNvSpPr txBox="1"/>
            <p:nvPr/>
          </p:nvSpPr>
          <p:spPr>
            <a:xfrm>
              <a:off x="3037962" y="1634471"/>
              <a:ext cx="232461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b="1"/>
                <a:t>B</a:t>
              </a:r>
            </a:p>
          </p:txBody>
        </p:sp>
        <p:cxnSp>
          <p:nvCxnSpPr>
            <p:cNvPr id="309" name="Straight Arrow Connector 308"/>
            <p:cNvCxnSpPr>
              <a:stCxn id="132" idx="3"/>
              <a:endCxn id="156" idx="1"/>
            </p:cNvCxnSpPr>
            <p:nvPr/>
          </p:nvCxnSpPr>
          <p:spPr>
            <a:xfrm>
              <a:off x="4820579" y="2259156"/>
              <a:ext cx="1011402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0" name="Straight Arrow Connector 309"/>
            <p:cNvCxnSpPr>
              <a:stCxn id="152" idx="3"/>
              <a:endCxn id="146" idx="1"/>
            </p:cNvCxnSpPr>
            <p:nvPr/>
          </p:nvCxnSpPr>
          <p:spPr>
            <a:xfrm>
              <a:off x="6352474" y="2259156"/>
              <a:ext cx="1011401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1" name="Straight Arrow Connector 310"/>
            <p:cNvCxnSpPr/>
            <p:nvPr/>
          </p:nvCxnSpPr>
          <p:spPr>
            <a:xfrm>
              <a:off x="3037962" y="3867950"/>
              <a:ext cx="0" cy="59883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5" name="Straight Arrow Connector 314"/>
            <p:cNvCxnSpPr/>
            <p:nvPr/>
          </p:nvCxnSpPr>
          <p:spPr>
            <a:xfrm>
              <a:off x="3037962" y="2595809"/>
              <a:ext cx="0" cy="59883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9" name="Straight Arrow Connector 328"/>
            <p:cNvCxnSpPr/>
            <p:nvPr/>
          </p:nvCxnSpPr>
          <p:spPr>
            <a:xfrm>
              <a:off x="3024477" y="5140091"/>
              <a:ext cx="0" cy="59883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0" name="Freeform 329"/>
            <p:cNvSpPr/>
            <p:nvPr/>
          </p:nvSpPr>
          <p:spPr>
            <a:xfrm rot="5400000" flipV="1">
              <a:off x="649724" y="3954956"/>
              <a:ext cx="3728478" cy="512770"/>
            </a:xfrm>
            <a:custGeom>
              <a:avLst/>
              <a:gdLst>
                <a:gd name="connsiteX0" fmla="*/ 3175000 w 3175000"/>
                <a:gd name="connsiteY0" fmla="*/ 702750 h 719683"/>
                <a:gd name="connsiteX1" fmla="*/ 1778000 w 3175000"/>
                <a:gd name="connsiteY1" fmla="*/ 16 h 719683"/>
                <a:gd name="connsiteX2" fmla="*/ 0 w 3175000"/>
                <a:gd name="connsiteY2" fmla="*/ 719683 h 719683"/>
                <a:gd name="connsiteX0" fmla="*/ 3175002 w 3175002"/>
                <a:gd name="connsiteY0" fmla="*/ 702750 h 719683"/>
                <a:gd name="connsiteX1" fmla="*/ 1778002 w 3175002"/>
                <a:gd name="connsiteY1" fmla="*/ 16 h 719683"/>
                <a:gd name="connsiteX2" fmla="*/ 2 w 3175002"/>
                <a:gd name="connsiteY2" fmla="*/ 719683 h 719683"/>
                <a:gd name="connsiteX0" fmla="*/ 3175002 w 3175002"/>
                <a:gd name="connsiteY0" fmla="*/ 702787 h 719720"/>
                <a:gd name="connsiteX1" fmla="*/ 1778002 w 3175002"/>
                <a:gd name="connsiteY1" fmla="*/ 53 h 719720"/>
                <a:gd name="connsiteX2" fmla="*/ 2 w 3175002"/>
                <a:gd name="connsiteY2" fmla="*/ 719720 h 719720"/>
                <a:gd name="connsiteX0" fmla="*/ 3175000 w 3175000"/>
                <a:gd name="connsiteY0" fmla="*/ 0 h 16933"/>
                <a:gd name="connsiteX1" fmla="*/ 0 w 3175000"/>
                <a:gd name="connsiteY1" fmla="*/ 16933 h 16933"/>
                <a:gd name="connsiteX0" fmla="*/ 3175000 w 3175000"/>
                <a:gd name="connsiteY0" fmla="*/ 278496 h 295429"/>
                <a:gd name="connsiteX1" fmla="*/ 0 w 3175000"/>
                <a:gd name="connsiteY1" fmla="*/ 295429 h 295429"/>
                <a:gd name="connsiteX0" fmla="*/ 3175000 w 3175000"/>
                <a:gd name="connsiteY0" fmla="*/ 464637 h 481570"/>
                <a:gd name="connsiteX1" fmla="*/ 0 w 3175000"/>
                <a:gd name="connsiteY1" fmla="*/ 481570 h 4815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3175000" h="481570">
                  <a:moveTo>
                    <a:pt x="3175000" y="464637"/>
                  </a:moveTo>
                  <a:cubicBezTo>
                    <a:pt x="3166534" y="-139319"/>
                    <a:pt x="-1" y="-176007"/>
                    <a:pt x="0" y="481570"/>
                  </a:cubicBezTo>
                </a:path>
              </a:pathLst>
            </a:custGeom>
            <a:noFill/>
            <a:ln w="3810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034" name="Group 1033"/>
          <p:cNvGrpSpPr/>
          <p:nvPr/>
        </p:nvGrpSpPr>
        <p:grpSpPr>
          <a:xfrm>
            <a:off x="5591944" y="3052026"/>
            <a:ext cx="4032448" cy="3833358"/>
            <a:chOff x="4067944" y="3052026"/>
            <a:chExt cx="4032448" cy="3833358"/>
          </a:xfrm>
        </p:grpSpPr>
        <p:grpSp>
          <p:nvGrpSpPr>
            <p:cNvPr id="81" name="Group 80"/>
            <p:cNvGrpSpPr/>
            <p:nvPr/>
          </p:nvGrpSpPr>
          <p:grpSpPr>
            <a:xfrm>
              <a:off x="5831981" y="3194644"/>
              <a:ext cx="520493" cy="673306"/>
              <a:chOff x="2195736" y="3907822"/>
              <a:chExt cx="520493" cy="673306"/>
            </a:xfrm>
          </p:grpSpPr>
          <p:grpSp>
            <p:nvGrpSpPr>
              <p:cNvPr id="82" name="Group 81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88" name="Rectangle 87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9" name="Oval 88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0" name="Oval 89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1" name="Oval 90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83" name="Group 82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84" name="Rectangle 83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5" name="Oval 84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6" name="Oval 85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7" name="Oval 86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92" name="Group 91"/>
            <p:cNvGrpSpPr/>
            <p:nvPr/>
          </p:nvGrpSpPr>
          <p:grpSpPr>
            <a:xfrm>
              <a:off x="7363875" y="3194644"/>
              <a:ext cx="520493" cy="673306"/>
              <a:chOff x="2195736" y="3907822"/>
              <a:chExt cx="520493" cy="673306"/>
            </a:xfrm>
          </p:grpSpPr>
          <p:grpSp>
            <p:nvGrpSpPr>
              <p:cNvPr id="93" name="Group 92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99" name="Rectangle 98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0" name="Oval 99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1" name="Oval 100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2" name="Oval 101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94" name="Group 93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95" name="Rectangle 94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6" name="Oval 95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7" name="Oval 96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8" name="Oval 97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03" name="Group 102"/>
            <p:cNvGrpSpPr/>
            <p:nvPr/>
          </p:nvGrpSpPr>
          <p:grpSpPr>
            <a:xfrm>
              <a:off x="4300086" y="3194644"/>
              <a:ext cx="520493" cy="673306"/>
              <a:chOff x="2195736" y="3907822"/>
              <a:chExt cx="520493" cy="673306"/>
            </a:xfrm>
          </p:grpSpPr>
          <p:grpSp>
            <p:nvGrpSpPr>
              <p:cNvPr id="104" name="Group 103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10" name="Rectangle 109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11" name="Oval 110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12" name="Oval 111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13" name="Oval 112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05" name="Group 104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06" name="Rectangle 10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7" name="Oval 10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8" name="Oval 10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9" name="Oval 10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72" name="Group 171"/>
            <p:cNvGrpSpPr/>
            <p:nvPr/>
          </p:nvGrpSpPr>
          <p:grpSpPr>
            <a:xfrm>
              <a:off x="5831981" y="4466785"/>
              <a:ext cx="520493" cy="673306"/>
              <a:chOff x="2195736" y="3907822"/>
              <a:chExt cx="520493" cy="673306"/>
            </a:xfrm>
          </p:grpSpPr>
          <p:grpSp>
            <p:nvGrpSpPr>
              <p:cNvPr id="195" name="Group 19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01" name="Rectangle 20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2" name="Oval 20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3" name="Oval 20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4" name="Oval 20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96" name="Group 19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97" name="Rectangle 19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8" name="Oval 19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9" name="Oval 19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0" name="Oval 19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73" name="Group 172"/>
            <p:cNvGrpSpPr/>
            <p:nvPr/>
          </p:nvGrpSpPr>
          <p:grpSpPr>
            <a:xfrm>
              <a:off x="7363875" y="4466785"/>
              <a:ext cx="520493" cy="673306"/>
              <a:chOff x="2195736" y="3907822"/>
              <a:chExt cx="520493" cy="673306"/>
            </a:xfrm>
          </p:grpSpPr>
          <p:grpSp>
            <p:nvGrpSpPr>
              <p:cNvPr id="185" name="Group 18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91" name="Rectangle 19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2" name="Oval 19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3" name="Oval 19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4" name="Oval 19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86" name="Group 18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87" name="Rectangle 18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8" name="Oval 18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9" name="Oval 18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0" name="Oval 18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74" name="Group 173"/>
            <p:cNvGrpSpPr/>
            <p:nvPr/>
          </p:nvGrpSpPr>
          <p:grpSpPr>
            <a:xfrm>
              <a:off x="4300086" y="4466785"/>
              <a:ext cx="520493" cy="673306"/>
              <a:chOff x="2195736" y="3907822"/>
              <a:chExt cx="520493" cy="673306"/>
            </a:xfrm>
          </p:grpSpPr>
          <p:grpSp>
            <p:nvGrpSpPr>
              <p:cNvPr id="175" name="Group 17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81" name="Rectangle 18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2" name="Oval 18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3" name="Oval 18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4" name="Oval 18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76" name="Group 17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77" name="Rectangle 17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78" name="Oval 17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79" name="Oval 17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0" name="Oval 17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7" name="Group 216"/>
            <p:cNvGrpSpPr/>
            <p:nvPr/>
          </p:nvGrpSpPr>
          <p:grpSpPr>
            <a:xfrm>
              <a:off x="5831981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40" name="Group 23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46" name="Rectangle 24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7" name="Oval 24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8" name="Oval 24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9" name="Oval 24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41" name="Group 24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42" name="Rectangle 24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3" name="Oval 24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4" name="Oval 24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5" name="Oval 24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8" name="Group 217"/>
            <p:cNvGrpSpPr/>
            <p:nvPr/>
          </p:nvGrpSpPr>
          <p:grpSpPr>
            <a:xfrm>
              <a:off x="7363875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30" name="Group 22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36" name="Rectangle 23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7" name="Oval 23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8" name="Oval 23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9" name="Oval 23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31" name="Group 23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32" name="Rectangle 23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3" name="Oval 23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4" name="Oval 23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5" name="Oval 23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9" name="Group 218"/>
            <p:cNvGrpSpPr/>
            <p:nvPr/>
          </p:nvGrpSpPr>
          <p:grpSpPr>
            <a:xfrm>
              <a:off x="4300086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20" name="Group 21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26" name="Rectangle 22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7" name="Oval 22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8" name="Oval 22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 dirty="0"/>
                </a:p>
              </p:txBody>
            </p:sp>
            <p:sp>
              <p:nvSpPr>
                <p:cNvPr id="229" name="Oval 22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21" name="Group 22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22" name="Rectangle 22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3" name="Oval 22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4" name="Oval 22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5" name="Oval 22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033" name="Group 1032"/>
            <p:cNvGrpSpPr/>
            <p:nvPr/>
          </p:nvGrpSpPr>
          <p:grpSpPr>
            <a:xfrm>
              <a:off x="4067944" y="3052026"/>
              <a:ext cx="4032448" cy="3833358"/>
              <a:chOff x="4067944" y="3052026"/>
              <a:chExt cx="4032448" cy="3833358"/>
            </a:xfrm>
          </p:grpSpPr>
          <p:sp>
            <p:nvSpPr>
              <p:cNvPr id="331" name="Rounded Rectangle 330"/>
              <p:cNvSpPr/>
              <p:nvPr/>
            </p:nvSpPr>
            <p:spPr>
              <a:xfrm>
                <a:off x="4067944" y="3052026"/>
                <a:ext cx="4032448" cy="3528392"/>
              </a:xfrm>
              <a:prstGeom prst="roundRect">
                <a:avLst>
                  <a:gd name="adj" fmla="val 7549"/>
                </a:avLst>
              </a:prstGeom>
              <a:noFill/>
              <a:ln w="12700">
                <a:solidFill>
                  <a:schemeClr val="tx1"/>
                </a:solidFill>
                <a:prstDash val="dash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32" name="TextBox 331"/>
              <p:cNvSpPr txBox="1"/>
              <p:nvPr/>
            </p:nvSpPr>
            <p:spPr>
              <a:xfrm>
                <a:off x="4860032" y="6516052"/>
                <a:ext cx="2459393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dirty="0"/>
                  <a:t>Ulovlige tilstande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41975301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B728AAF1-A156-484E-8264-B2BF9A80B975}"/>
              </a:ext>
            </a:extLst>
          </p:cNvPr>
          <p:cNvSpPr txBox="1"/>
          <p:nvPr/>
        </p:nvSpPr>
        <p:spPr>
          <a:xfrm>
            <a:off x="1473478" y="880958"/>
            <a:ext cx="36004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oogle Street View</a:t>
            </a:r>
          </a:p>
          <a:p>
            <a:r>
              <a:rPr lang="en-US" dirty="0" err="1"/>
              <a:t>Vestre</a:t>
            </a:r>
            <a:r>
              <a:rPr lang="en-US" dirty="0"/>
              <a:t> </a:t>
            </a:r>
            <a:r>
              <a:rPr lang="en-US" dirty="0" err="1"/>
              <a:t>Ringgade</a:t>
            </a:r>
            <a:r>
              <a:rPr lang="en-US" dirty="0"/>
              <a:t> / </a:t>
            </a:r>
            <a:r>
              <a:rPr lang="en-US" dirty="0" err="1"/>
              <a:t>Randersvej</a:t>
            </a:r>
            <a:endParaRPr lang="da-DK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952E149-F22B-D47C-22F1-D82A1D5C63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73478" y="1646403"/>
            <a:ext cx="9192344" cy="40074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540615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09718" y="-1"/>
            <a:ext cx="9158283" cy="980729"/>
          </a:xfrm>
        </p:spPr>
        <p:txBody>
          <a:bodyPr>
            <a:normAutofit fontScale="90000"/>
          </a:bodyPr>
          <a:lstStyle/>
          <a:p>
            <a:r>
              <a:rPr lang="da-DK" dirty="0"/>
              <a:t> </a:t>
            </a:r>
            <a:br>
              <a:rPr lang="da-DK" dirty="0"/>
            </a:br>
            <a:r>
              <a:rPr lang="da-DK" dirty="0"/>
              <a:t>Grafer og Algoritmer</a:t>
            </a:r>
            <a:br>
              <a:rPr lang="da-DK" dirty="0"/>
            </a:br>
            <a:r>
              <a:rPr lang="da-DK" dirty="0"/>
              <a:t>Opsummer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1384" y="1682731"/>
            <a:ext cx="11377264" cy="4525963"/>
          </a:xfrm>
        </p:spPr>
        <p:txBody>
          <a:bodyPr>
            <a:normAutofit/>
          </a:bodyPr>
          <a:lstStyle/>
          <a:p>
            <a:r>
              <a:rPr lang="da-DK" sz="2800" dirty="0" err="1"/>
              <a:t>Planare</a:t>
            </a:r>
            <a:r>
              <a:rPr lang="da-DK" sz="2800" dirty="0"/>
              <a:t> grafer (</a:t>
            </a:r>
            <a:r>
              <a:rPr lang="da-DK" sz="2800" dirty="0" err="1"/>
              <a:t>Voronoi</a:t>
            </a:r>
            <a:r>
              <a:rPr lang="da-DK" sz="2800" dirty="0"/>
              <a:t> diagram, </a:t>
            </a:r>
            <a:r>
              <a:rPr lang="da-DK" sz="2800" dirty="0" err="1"/>
              <a:t>Euler’s</a:t>
            </a:r>
            <a:r>
              <a:rPr lang="da-DK" sz="2800" dirty="0"/>
              <a:t> formel)</a:t>
            </a:r>
          </a:p>
          <a:p>
            <a:r>
              <a:rPr lang="da-DK" sz="2800" dirty="0"/>
              <a:t>Vejnet som grafer (korteste veje, disjunkte stier, stærk sammenhængende)</a:t>
            </a:r>
          </a:p>
          <a:p>
            <a:r>
              <a:rPr lang="da-DK" sz="2800" dirty="0"/>
              <a:t>Rejseplaner (modellering som graf)</a:t>
            </a:r>
          </a:p>
          <a:p>
            <a:r>
              <a:rPr lang="da-DK" sz="2800" dirty="0"/>
              <a:t>Regneark (cykler i grafer, topologisk sortering)</a:t>
            </a:r>
          </a:p>
          <a:p>
            <a:r>
              <a:rPr lang="da-DK" sz="2800" dirty="0"/>
              <a:t>Strømninger i grafer</a:t>
            </a:r>
          </a:p>
          <a:p>
            <a:r>
              <a:rPr lang="da-DK" sz="2800" dirty="0"/>
              <a:t>2-kant sammenhængende grafer</a:t>
            </a:r>
          </a:p>
          <a:p>
            <a:r>
              <a:rPr lang="da-DK" sz="2800" dirty="0"/>
              <a:t>Tilstandsgrafer (lyskryds)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4C3B3F42-0A39-4D36-B3A9-F07376E0EAC5}"/>
              </a:ext>
            </a:extLst>
          </p:cNvPr>
          <p:cNvSpPr txBox="1">
            <a:spLocks/>
          </p:cNvSpPr>
          <p:nvPr/>
        </p:nvSpPr>
        <p:spPr>
          <a:xfrm>
            <a:off x="1502538" y="5490001"/>
            <a:ext cx="9144000" cy="10991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2800" dirty="0"/>
              <a:t>Mange problemer kan løses med generelle </a:t>
            </a:r>
            <a:r>
              <a:rPr lang="da-DK" sz="2800" b="1" dirty="0">
                <a:solidFill>
                  <a:srgbClr val="C00000"/>
                </a:solidFill>
              </a:rPr>
              <a:t>grafalgoritmer</a:t>
            </a:r>
          </a:p>
        </p:txBody>
      </p:sp>
      <p:sp>
        <p:nvSpPr>
          <p:cNvPr id="6" name="TextBox 3">
            <a:extLst>
              <a:ext uri="{FF2B5EF4-FFF2-40B4-BE49-F238E27FC236}">
                <a16:creationId xmlns:a16="http://schemas.microsoft.com/office/drawing/2014/main" id="{0C02954B-FD50-4552-A0E6-4676016DBF37}"/>
              </a:ext>
            </a:extLst>
          </p:cNvPr>
          <p:cNvSpPr txBox="1"/>
          <p:nvPr/>
        </p:nvSpPr>
        <p:spPr>
          <a:xfrm>
            <a:off x="1509717" y="6488668"/>
            <a:ext cx="9144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/>
              <a:t>Gerth Stølting Brodal, Institut for Datalogi, Aarhus Universitet</a:t>
            </a:r>
          </a:p>
        </p:txBody>
      </p:sp>
    </p:spTree>
    <p:extLst>
      <p:ext uri="{BB962C8B-B14F-4D97-AF65-F5344CB8AC3E}">
        <p14:creationId xmlns:p14="http://schemas.microsoft.com/office/powerpoint/2010/main" val="20297403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  <p:bldP spid="5" grpId="0" build="p"/>
      <p:bldP spid="6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AF65005-4E03-D315-0F96-DE3F92E5FC9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0" name="Gruppe 19">
            <a:extLst>
              <a:ext uri="{FF2B5EF4-FFF2-40B4-BE49-F238E27FC236}">
                <a16:creationId xmlns:a16="http://schemas.microsoft.com/office/drawing/2014/main" id="{CFEF4EA3-7355-F4D1-0A30-05828AD06BC6}"/>
              </a:ext>
            </a:extLst>
          </p:cNvPr>
          <p:cNvGrpSpPr/>
          <p:nvPr/>
        </p:nvGrpSpPr>
        <p:grpSpPr>
          <a:xfrm>
            <a:off x="9982760" y="1770531"/>
            <a:ext cx="1893005" cy="2344386"/>
            <a:chOff x="5178169" y="1859843"/>
            <a:chExt cx="2107929" cy="2612872"/>
          </a:xfrm>
        </p:grpSpPr>
        <p:sp>
          <p:nvSpPr>
            <p:cNvPr id="18" name="Rektangel: afrundede hjørner 17">
              <a:extLst>
                <a:ext uri="{FF2B5EF4-FFF2-40B4-BE49-F238E27FC236}">
                  <a16:creationId xmlns:a16="http://schemas.microsoft.com/office/drawing/2014/main" id="{21C48C6C-B4D3-F6B1-A5C6-9611FFEEC958}"/>
                </a:ext>
              </a:extLst>
            </p:cNvPr>
            <p:cNvSpPr/>
            <p:nvPr/>
          </p:nvSpPr>
          <p:spPr bwMode="auto">
            <a:xfrm>
              <a:off x="5364120" y="2566510"/>
              <a:ext cx="1682417" cy="1575835"/>
            </a:xfrm>
            <a:prstGeom prst="roundRect">
              <a:avLst/>
            </a:prstGeom>
            <a:solidFill>
              <a:schemeClr val="bg1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endParaRPr lang="da-DK" sz="1600" err="1">
                <a:solidFill>
                  <a:schemeClr val="bg1"/>
                </a:solidFill>
                <a:latin typeface="AU Passata" pitchFamily="34" charset="0"/>
              </a:endParaRPr>
            </a:p>
          </p:txBody>
        </p:sp>
        <p:pic>
          <p:nvPicPr>
            <p:cNvPr id="17" name="Picture 2" descr="Question mark Special Lineal color icon">
              <a:extLst>
                <a:ext uri="{FF2B5EF4-FFF2-40B4-BE49-F238E27FC236}">
                  <a16:creationId xmlns:a16="http://schemas.microsoft.com/office/drawing/2014/main" id="{01E4429F-85F7-A543-06F6-C1F7FB0152C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178169" y="2427710"/>
              <a:ext cx="2107929" cy="204500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6" name="Content Placeholder 2">
              <a:extLst>
                <a:ext uri="{FF2B5EF4-FFF2-40B4-BE49-F238E27FC236}">
                  <a16:creationId xmlns:a16="http://schemas.microsoft.com/office/drawing/2014/main" id="{61881346-0C4E-F869-3091-5705D95D875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5267512" y="1859843"/>
              <a:ext cx="1919763" cy="31828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algn="ctr"/>
              <a:r>
                <a:rPr lang="en-US" sz="2400" b="1" kern="0" dirty="0" err="1"/>
                <a:t>Spørgsmål</a:t>
              </a:r>
              <a:r>
                <a:rPr lang="en-US" sz="2400" b="1" kern="0" dirty="0"/>
                <a:t>?</a:t>
              </a:r>
              <a:endParaRPr lang="da-DK" sz="2400" b="1" kern="0" dirty="0"/>
            </a:p>
          </p:txBody>
        </p:sp>
      </p:grpSp>
      <p:grpSp>
        <p:nvGrpSpPr>
          <p:cNvPr id="2" name="Group 1">
            <a:extLst>
              <a:ext uri="{FF2B5EF4-FFF2-40B4-BE49-F238E27FC236}">
                <a16:creationId xmlns:a16="http://schemas.microsoft.com/office/drawing/2014/main" id="{2CCEAF1F-5C52-C26D-44D8-C9D6A86C6088}"/>
              </a:ext>
            </a:extLst>
          </p:cNvPr>
          <p:cNvGrpSpPr/>
          <p:nvPr/>
        </p:nvGrpSpPr>
        <p:grpSpPr>
          <a:xfrm>
            <a:off x="901" y="0"/>
            <a:ext cx="9706784" cy="6858000"/>
            <a:chOff x="-687" y="0"/>
            <a:chExt cx="9706784" cy="6858000"/>
          </a:xfrm>
        </p:grpSpPr>
        <p:pic>
          <p:nvPicPr>
            <p:cNvPr id="4" name="Picture 3" descr="A blue and white screen with white text&#10;&#10;Description automatically generated">
              <a:extLst>
                <a:ext uri="{FF2B5EF4-FFF2-40B4-BE49-F238E27FC236}">
                  <a16:creationId xmlns:a16="http://schemas.microsoft.com/office/drawing/2014/main" id="{5315A32A-ECE7-42F8-F3B5-F6C5325652A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-687" y="0"/>
              <a:ext cx="9706784" cy="6858000"/>
            </a:xfrm>
            <a:prstGeom prst="rect">
              <a:avLst/>
            </a:prstGeom>
          </p:spPr>
        </p:pic>
        <p:sp>
          <p:nvSpPr>
            <p:cNvPr id="13" name="Rektangel 12">
              <a:extLst>
                <a:ext uri="{FF2B5EF4-FFF2-40B4-BE49-F238E27FC236}">
                  <a16:creationId xmlns:a16="http://schemas.microsoft.com/office/drawing/2014/main" id="{ADD6F3D7-0043-6AD2-F06F-0371DCEBD981}"/>
                </a:ext>
              </a:extLst>
            </p:cNvPr>
            <p:cNvSpPr/>
            <p:nvPr/>
          </p:nvSpPr>
          <p:spPr bwMode="auto">
            <a:xfrm>
              <a:off x="5299261" y="2403769"/>
              <a:ext cx="4399157" cy="3248845"/>
            </a:xfrm>
            <a:prstGeom prst="rect">
              <a:avLst/>
            </a:prstGeom>
            <a:solidFill>
              <a:srgbClr val="00B6AD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endParaRPr lang="da-DK" sz="1600" err="1">
                <a:solidFill>
                  <a:schemeClr val="bg1"/>
                </a:solidFill>
                <a:latin typeface="AU Passata" pitchFamily="34" charset="0"/>
              </a:endParaRPr>
            </a:p>
          </p:txBody>
        </p:sp>
      </p:grpSp>
      <p:pic>
        <p:nvPicPr>
          <p:cNvPr id="5" name="Billede 4" descr="Et billede, der indeholder tekst, tøj, menneske, Ansigt&#10;&#10;AI-genereret indhold kan være ukorrekt.">
            <a:extLst>
              <a:ext uri="{FF2B5EF4-FFF2-40B4-BE49-F238E27FC236}">
                <a16:creationId xmlns:a16="http://schemas.microsoft.com/office/drawing/2014/main" id="{1973697D-CC1A-BA24-4AF0-992CFA8AEF8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658173" y="2715607"/>
            <a:ext cx="4878415" cy="2703916"/>
          </a:xfrm>
          <a:prstGeom prst="rect">
            <a:avLst/>
          </a:prstGeom>
        </p:spPr>
      </p:pic>
      <p:sp>
        <p:nvSpPr>
          <p:cNvPr id="11" name="Rektangel: afrundede hjørner 10">
            <a:extLst>
              <a:ext uri="{FF2B5EF4-FFF2-40B4-BE49-F238E27FC236}">
                <a16:creationId xmlns:a16="http://schemas.microsoft.com/office/drawing/2014/main" id="{F2D200A3-C7D7-933F-5048-DE182084491C}"/>
              </a:ext>
            </a:extLst>
          </p:cNvPr>
          <p:cNvSpPr/>
          <p:nvPr/>
        </p:nvSpPr>
        <p:spPr bwMode="auto">
          <a:xfrm>
            <a:off x="5883505" y="2055524"/>
            <a:ext cx="3017498" cy="1631160"/>
          </a:xfrm>
          <a:prstGeom prst="roundRect">
            <a:avLst/>
          </a:prstGeom>
          <a:solidFill>
            <a:srgbClr val="00B6AD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da-DK" b="1">
                <a:solidFill>
                  <a:schemeClr val="bg1"/>
                </a:solidFill>
                <a:latin typeface="AU Passata"/>
              </a:rPr>
              <a:t>Gå med på rundvisning</a:t>
            </a:r>
            <a:br>
              <a:rPr lang="da-DK" b="1" dirty="0">
                <a:solidFill>
                  <a:schemeClr val="bg1"/>
                </a:solidFill>
                <a:latin typeface="AU Passata"/>
              </a:rPr>
            </a:br>
            <a:r>
              <a:rPr lang="da-DK" b="1">
                <a:solidFill>
                  <a:schemeClr val="bg1"/>
                </a:solidFill>
                <a:latin typeface="AU Passata"/>
              </a:rPr>
              <a:t>kl. </a:t>
            </a:r>
            <a:r>
              <a:rPr lang="da-DK" b="1" dirty="0">
                <a:solidFill>
                  <a:schemeClr val="bg1"/>
                </a:solidFill>
                <a:latin typeface="AU Passata"/>
              </a:rPr>
              <a:t>14.00</a:t>
            </a:r>
            <a:br>
              <a:rPr lang="da-DK" b="1" dirty="0">
                <a:latin typeface="AU Passata"/>
              </a:rPr>
            </a:br>
            <a:r>
              <a:rPr lang="da-DK" sz="1600" dirty="0">
                <a:solidFill>
                  <a:schemeClr val="bg1"/>
                </a:solidFill>
                <a:latin typeface="AU Passata"/>
              </a:rPr>
              <a:t>- afgang fra messestanden</a:t>
            </a:r>
          </a:p>
          <a:p>
            <a:pPr algn="ctr">
              <a:lnSpc>
                <a:spcPct val="95000"/>
              </a:lnSpc>
            </a:pPr>
            <a:endParaRPr lang="da-DK" sz="1400" dirty="0">
              <a:solidFill>
                <a:schemeClr val="bg1"/>
              </a:solidFill>
              <a:latin typeface="AU Passata"/>
            </a:endParaRPr>
          </a:p>
          <a:p>
            <a:pPr algn="ctr">
              <a:lnSpc>
                <a:spcPct val="95000"/>
              </a:lnSpc>
            </a:pPr>
            <a:r>
              <a:rPr lang="da-DK" sz="1400">
                <a:solidFill>
                  <a:schemeClr val="bg1"/>
                </a:solidFill>
                <a:latin typeface="AU Passata"/>
              </a:rPr>
              <a:t>(mere info på </a:t>
            </a:r>
            <a:r>
              <a:rPr lang="da-DK" sz="1400" b="1">
                <a:solidFill>
                  <a:schemeClr val="bg1"/>
                </a:solidFill>
                <a:latin typeface="AU Passata"/>
              </a:rPr>
              <a:t>cs.au.dk/rundvisning)</a:t>
            </a:r>
            <a:endParaRPr lang="da-DK" sz="1400" b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446834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03300" y="428625"/>
            <a:ext cx="10515600" cy="1325563"/>
          </a:xfrm>
        </p:spPr>
        <p:txBody>
          <a:bodyPr/>
          <a:lstStyle/>
          <a:p>
            <a:pPr algn="ctr"/>
            <a:r>
              <a:rPr lang="da-DK" dirty="0"/>
              <a:t>&lt;&lt; </a:t>
            </a:r>
            <a:r>
              <a:rPr lang="da-DK" dirty="0" err="1"/>
              <a:t>Kassogram</a:t>
            </a:r>
            <a:r>
              <a:rPr lang="da-DK" dirty="0"/>
              <a:t> &gt;&gt;</a:t>
            </a: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02123683"/>
              </p:ext>
            </p:extLst>
          </p:nvPr>
        </p:nvGraphicFramePr>
        <p:xfrm>
          <a:off x="863397" y="561133"/>
          <a:ext cx="10425682" cy="5419538"/>
        </p:xfrm>
        <a:graphic>
          <a:graphicData uri="http://schemas.openxmlformats.org/drawingml/2006/table">
            <a:tbl>
              <a:tblPr firstRow="1" bandRow="1"/>
              <a:tblGrid>
                <a:gridCol w="124568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0600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0600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0600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1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Introduction</a:t>
                      </a: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 to Programming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Algorithms</a:t>
                      </a:r>
                      <a:r>
                        <a:rPr lang="da-DK" sz="1400" baseline="0" dirty="0">
                          <a:effectLst/>
                          <a:latin typeface="+mj-lt"/>
                          <a:ea typeface="Times New Roman"/>
                        </a:rPr>
                        <a:t> </a:t>
                      </a: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and Data </a:t>
                      </a: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Structures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  <a:t>Introduction to </a:t>
                      </a:r>
                      <a:b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</a:br>
                      <a: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  <a:t>Mathematics and </a:t>
                      </a:r>
                      <a:r>
                        <a:rPr lang="en-US" sz="1400" dirty="0" err="1">
                          <a:effectLst/>
                          <a:latin typeface="+mj-lt"/>
                          <a:ea typeface="Times New Roman"/>
                        </a:rPr>
                        <a:t>Optimisation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628088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2</a:t>
                      </a:r>
                      <a:b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</a:b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Computer Architecture, </a:t>
                      </a:r>
                      <a:b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</a:b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Networks</a:t>
                      </a:r>
                      <a:r>
                        <a:rPr lang="da-DK" sz="1400" kern="1200" baseline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 </a:t>
                      </a: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and Operating Systems 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/>
                        </a:rPr>
                        <a:t>Programming Languages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Computability</a:t>
                      </a: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 and </a:t>
                      </a:r>
                      <a:r>
                        <a:rPr lang="da-DK" sz="1400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Logic</a:t>
                      </a:r>
                      <a:endParaRPr lang="da-DK" sz="140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3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Software Engineering and Architecture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Human-Computer </a:t>
                      </a: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Interaction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/>
                          <a:cs typeface="Courier New"/>
                        </a:rPr>
                        <a:t>Introduction to </a:t>
                      </a:r>
                      <a:br>
                        <a:rPr lang="en-US" sz="14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/>
                          <a:cs typeface="Courier New"/>
                        </a:rPr>
                      </a:br>
                      <a:r>
                        <a:rPr lang="en-US" sz="14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/>
                          <a:cs typeface="Courier New"/>
                        </a:rPr>
                        <a:t>Probability Theory and Statistics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4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Databases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Distributed Systems</a:t>
                      </a:r>
                      <a:r>
                        <a:rPr lang="da-DK" sz="1400" kern="1200" baseline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 and Security</a:t>
                      </a: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 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Numerical Linear Algebra</a:t>
                      </a:r>
                      <a:endParaRPr lang="da-DK" sz="140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5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/>
                        </a:rPr>
                        <a:t>Compilation 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Experimental Systems Development</a:t>
                      </a:r>
                      <a:endParaRPr lang="da-DK" sz="140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  <a:t>Machine Learning 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21450">
                <a:tc rowSpan="2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6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rowSpan="2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Bachelor Project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300" dirty="0" err="1">
                          <a:effectLst/>
                          <a:latin typeface="+mj-lt"/>
                          <a:ea typeface="Times New Roman"/>
                        </a:rPr>
                        <a:t>Philosophy</a:t>
                      </a:r>
                      <a:r>
                        <a:rPr lang="da-DK" sz="1300" baseline="0" dirty="0">
                          <a:effectLst/>
                          <a:latin typeface="+mj-lt"/>
                          <a:ea typeface="Times New Roman"/>
                        </a:rPr>
                        <a:t> and </a:t>
                      </a:r>
                      <a:r>
                        <a:rPr lang="da-DK" sz="1300" baseline="0" dirty="0" err="1">
                          <a:effectLst/>
                          <a:latin typeface="+mj-lt"/>
                          <a:ea typeface="Times New Roman"/>
                        </a:rPr>
                        <a:t>Ethics</a:t>
                      </a:r>
                      <a:r>
                        <a:rPr lang="da-DK" sz="1300" baseline="0" dirty="0">
                          <a:effectLst/>
                          <a:latin typeface="+mj-lt"/>
                          <a:ea typeface="Times New Roman"/>
                        </a:rPr>
                        <a:t> of Computer Science</a:t>
                      </a:r>
                      <a:endParaRPr lang="da-DK" sz="13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/>
                        </a:rPr>
                        <a:t>Optimization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810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050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184581">
                <a:tc gridSpan="4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2684194"/>
                  </a:ext>
                </a:extLst>
              </a:tr>
              <a:tr h="504000"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Semester</a:t>
                      </a:r>
                      <a:r>
                        <a:rPr lang="en-GB" sz="1400" baseline="0" dirty="0">
                          <a:latin typeface="+mj-lt"/>
                        </a:rPr>
                        <a:t> 7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Computational Geometry: </a:t>
                      </a:r>
                      <a:b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</a:b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Theory and</a:t>
                      </a:r>
                      <a:r>
                        <a:rPr lang="en-US" sz="1400" kern="1200" baseline="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 Experimentation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Program</a:t>
                      </a:r>
                      <a:r>
                        <a:rPr lang="en-US" sz="1400" kern="1200" baseline="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 Analysis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Building the Internet of Things with </a:t>
                      </a:r>
                      <a:b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</a:b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P2P and Cloud Computing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950156"/>
                  </a:ext>
                </a:extLst>
              </a:tr>
              <a:tr h="288000">
                <a:tc rowSpan="2"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Semester</a:t>
                      </a:r>
                      <a:r>
                        <a:rPr lang="en-GB" sz="1400" baseline="0" dirty="0">
                          <a:latin typeface="+mj-lt"/>
                        </a:rPr>
                        <a:t> 8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Randomized Algorithms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Language-based</a:t>
                      </a:r>
                      <a:r>
                        <a:rPr lang="en-US" sz="1400" kern="1200" baseline="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 Security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Augmented Reality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17181281"/>
                  </a:ext>
                </a:extLst>
              </a:tr>
              <a:tr h="20879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latin typeface="+mj-lt"/>
                        </a:rPr>
                        <a:t>Advanced Augmented</a:t>
                      </a:r>
                      <a:r>
                        <a:rPr lang="en-GB" sz="1400" baseline="0" dirty="0">
                          <a:latin typeface="+mj-lt"/>
                        </a:rPr>
                        <a:t> Reality Project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725575"/>
                  </a:ext>
                </a:extLst>
              </a:tr>
              <a:tr h="504000"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Semester 9</a:t>
                      </a: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Theory of Algorithms and Computational Complexity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latin typeface="+mj-lt"/>
                        </a:rPr>
                        <a:t>Advanced Topics in </a:t>
                      </a:r>
                      <a:br>
                        <a:rPr lang="en-US" sz="1400" dirty="0">
                          <a:latin typeface="+mj-lt"/>
                        </a:rPr>
                      </a:br>
                      <a:r>
                        <a:rPr lang="en-US" sz="1400" dirty="0">
                          <a:latin typeface="+mj-lt"/>
                        </a:rPr>
                        <a:t>Programming Language Theory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latin typeface="+mj-lt"/>
                        </a:rPr>
                        <a:t>Deep Learning for Visual Recognition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marL="111541" marR="111541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72609170"/>
                  </a:ext>
                </a:extLst>
              </a:tr>
              <a:tr h="129393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latin typeface="+mj-lt"/>
                        </a:rPr>
                        <a:t>Semester 10</a:t>
                      </a: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Master Thesi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9511057"/>
                  </a:ext>
                </a:extLst>
              </a:tr>
            </a:tbl>
          </a:graphicData>
        </a:graphic>
      </p:graphicFrame>
      <p:sp>
        <p:nvSpPr>
          <p:cNvPr id="6" name="Left Brace 5"/>
          <p:cNvSpPr/>
          <p:nvPr/>
        </p:nvSpPr>
        <p:spPr>
          <a:xfrm>
            <a:off x="899397" y="561133"/>
            <a:ext cx="108000" cy="3276000"/>
          </a:xfrm>
          <a:prstGeom prst="leftBrace">
            <a:avLst>
              <a:gd name="adj1" fmla="val 87708"/>
              <a:gd name="adj2" fmla="val 50000"/>
            </a:avLst>
          </a:prstGeom>
          <a:noFill/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7" name="Left Brace 6"/>
          <p:cNvSpPr/>
          <p:nvPr/>
        </p:nvSpPr>
        <p:spPr>
          <a:xfrm>
            <a:off x="899397" y="3969296"/>
            <a:ext cx="108000" cy="2124000"/>
          </a:xfrm>
          <a:prstGeom prst="leftBrace">
            <a:avLst>
              <a:gd name="adj1" fmla="val 61250"/>
              <a:gd name="adj2" fmla="val 50000"/>
            </a:avLst>
          </a:prstGeom>
          <a:noFill/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" name="TextBox 7"/>
          <p:cNvSpPr txBox="1"/>
          <p:nvPr/>
        </p:nvSpPr>
        <p:spPr>
          <a:xfrm rot="16200000">
            <a:off x="-249332" y="2014467"/>
            <a:ext cx="17658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>
                <a:solidFill>
                  <a:srgbClr val="C00000"/>
                </a:solidFill>
              </a:rPr>
              <a:t>Bachelor</a:t>
            </a:r>
          </a:p>
        </p:txBody>
      </p:sp>
      <p:sp>
        <p:nvSpPr>
          <p:cNvPr id="9" name="TextBox 8"/>
          <p:cNvSpPr txBox="1"/>
          <p:nvPr/>
        </p:nvSpPr>
        <p:spPr>
          <a:xfrm rot="16200000">
            <a:off x="-249332" y="4846630"/>
            <a:ext cx="17658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>
                <a:solidFill>
                  <a:srgbClr val="C00000"/>
                </a:solidFill>
              </a:rPr>
              <a:t>Kandidat</a:t>
            </a:r>
          </a:p>
        </p:txBody>
      </p:sp>
      <p:sp>
        <p:nvSpPr>
          <p:cNvPr id="10" name="Rectangle 9"/>
          <p:cNvSpPr/>
          <p:nvPr/>
        </p:nvSpPr>
        <p:spPr>
          <a:xfrm>
            <a:off x="8946064" y="132740"/>
            <a:ext cx="288032" cy="28803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TextBox 10"/>
          <p:cNvSpPr txBox="1"/>
          <p:nvPr/>
        </p:nvSpPr>
        <p:spPr>
          <a:xfrm>
            <a:off x="9242212" y="94640"/>
            <a:ext cx="89479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err="1"/>
              <a:t>Valgfrie</a:t>
            </a:r>
            <a:endParaRPr lang="en-GB" dirty="0"/>
          </a:p>
        </p:txBody>
      </p:sp>
      <p:sp>
        <p:nvSpPr>
          <p:cNvPr id="12" name="Rectangle 11"/>
          <p:cNvSpPr/>
          <p:nvPr/>
        </p:nvSpPr>
        <p:spPr>
          <a:xfrm>
            <a:off x="6070721" y="132740"/>
            <a:ext cx="288032" cy="288032"/>
          </a:xfrm>
          <a:prstGeom prst="rect">
            <a:avLst/>
          </a:prstGeom>
          <a:solidFill>
            <a:srgbClr val="FFC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TextBox 12"/>
          <p:cNvSpPr txBox="1"/>
          <p:nvPr/>
        </p:nvSpPr>
        <p:spPr>
          <a:xfrm>
            <a:off x="6379569" y="107340"/>
            <a:ext cx="209082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err="1"/>
              <a:t>Matematik</a:t>
            </a:r>
            <a:r>
              <a:rPr lang="en-GB" dirty="0"/>
              <a:t> </a:t>
            </a:r>
            <a:r>
              <a:rPr lang="en-GB" dirty="0" err="1"/>
              <a:t>støttefag</a:t>
            </a:r>
            <a:endParaRPr lang="en-GB" dirty="0"/>
          </a:p>
        </p:txBody>
      </p:sp>
      <p:sp>
        <p:nvSpPr>
          <p:cNvPr id="14" name="Rectangle 13"/>
          <p:cNvSpPr/>
          <p:nvPr/>
        </p:nvSpPr>
        <p:spPr>
          <a:xfrm>
            <a:off x="3124456" y="132740"/>
            <a:ext cx="288032" cy="288032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TextBox 14"/>
          <p:cNvSpPr txBox="1"/>
          <p:nvPr/>
        </p:nvSpPr>
        <p:spPr>
          <a:xfrm>
            <a:off x="3446004" y="107340"/>
            <a:ext cx="22068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err="1"/>
              <a:t>Datalogi</a:t>
            </a:r>
            <a:r>
              <a:rPr lang="en-GB" dirty="0"/>
              <a:t>, </a:t>
            </a:r>
            <a:r>
              <a:rPr lang="en-GB" dirty="0" err="1"/>
              <a:t>obligatorisk</a:t>
            </a:r>
            <a:r>
              <a:rPr lang="en-GB" dirty="0"/>
              <a:t> </a:t>
            </a:r>
          </a:p>
        </p:txBody>
      </p:sp>
      <p:sp>
        <p:nvSpPr>
          <p:cNvPr id="17" name="Oval 16"/>
          <p:cNvSpPr/>
          <p:nvPr/>
        </p:nvSpPr>
        <p:spPr>
          <a:xfrm>
            <a:off x="5232656" y="441660"/>
            <a:ext cx="2958844" cy="755092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3EA2DF8-058D-95EF-EE59-4D8E944BA4AB}"/>
              </a:ext>
            </a:extLst>
          </p:cNvPr>
          <p:cNvSpPr txBox="1"/>
          <p:nvPr/>
        </p:nvSpPr>
        <p:spPr>
          <a:xfrm rot="16200000">
            <a:off x="236048" y="6399811"/>
            <a:ext cx="83740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 err="1">
                <a:solidFill>
                  <a:srgbClr val="C00000"/>
                </a:solidFill>
              </a:rPr>
              <a:t>PhD</a:t>
            </a:r>
            <a:endParaRPr lang="da-DK" dirty="0">
              <a:solidFill>
                <a:srgbClr val="C00000"/>
              </a:solidFill>
            </a:endParaRPr>
          </a:p>
        </p:txBody>
      </p:sp>
      <p:sp>
        <p:nvSpPr>
          <p:cNvPr id="16" name="Left Brace 15">
            <a:extLst>
              <a:ext uri="{FF2B5EF4-FFF2-40B4-BE49-F238E27FC236}">
                <a16:creationId xmlns:a16="http://schemas.microsoft.com/office/drawing/2014/main" id="{F2868128-026C-364B-07BF-0891B74EF81F}"/>
              </a:ext>
            </a:extLst>
          </p:cNvPr>
          <p:cNvSpPr/>
          <p:nvPr/>
        </p:nvSpPr>
        <p:spPr>
          <a:xfrm>
            <a:off x="902957" y="6165775"/>
            <a:ext cx="108000" cy="936000"/>
          </a:xfrm>
          <a:prstGeom prst="leftBrace">
            <a:avLst>
              <a:gd name="adj1" fmla="val 77788"/>
              <a:gd name="adj2" fmla="val 50000"/>
            </a:avLst>
          </a:prstGeom>
          <a:noFill/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955601F3-4257-757D-38A7-0EC7F29B7BD1}"/>
              </a:ext>
            </a:extLst>
          </p:cNvPr>
          <p:cNvSpPr/>
          <p:nvPr/>
        </p:nvSpPr>
        <p:spPr>
          <a:xfrm>
            <a:off x="2117725" y="6093296"/>
            <a:ext cx="9171318" cy="1584647"/>
          </a:xfrm>
          <a:prstGeom prst="rect">
            <a:avLst/>
          </a:prstGeom>
          <a:noFill/>
          <a:ln w="12700">
            <a:prstDash val="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83258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kstboks 2"/>
          <p:cNvSpPr txBox="1"/>
          <p:nvPr/>
        </p:nvSpPr>
        <p:spPr>
          <a:xfrm>
            <a:off x="1631504" y="3044279"/>
            <a:ext cx="8496944" cy="769441"/>
          </a:xfrm>
          <a:prstGeom prst="rect">
            <a:avLst/>
          </a:prstGeom>
          <a:noFill/>
          <a:ln w="38100"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da-DK" sz="4400" dirty="0"/>
              <a:t>Fokus er på de </a:t>
            </a:r>
            <a:r>
              <a:rPr lang="da-DK" sz="4400" b="1" dirty="0">
                <a:solidFill>
                  <a:srgbClr val="C00000"/>
                </a:solidFill>
              </a:rPr>
              <a:t>overordnede idéer</a:t>
            </a:r>
            <a:endParaRPr lang="da-DK" sz="4400" dirty="0"/>
          </a:p>
        </p:txBody>
      </p:sp>
    </p:spTree>
    <p:extLst>
      <p:ext uri="{BB962C8B-B14F-4D97-AF65-F5344CB8AC3E}">
        <p14:creationId xmlns:p14="http://schemas.microsoft.com/office/powerpoint/2010/main" val="14752929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Rectangle 92"/>
          <p:cNvSpPr/>
          <p:nvPr/>
        </p:nvSpPr>
        <p:spPr>
          <a:xfrm>
            <a:off x="983432" y="1474663"/>
            <a:ext cx="6228680" cy="432048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cxnSp>
        <p:nvCxnSpPr>
          <p:cNvPr id="47" name="Straight Connector 46"/>
          <p:cNvCxnSpPr/>
          <p:nvPr/>
        </p:nvCxnSpPr>
        <p:spPr>
          <a:xfrm flipV="1">
            <a:off x="3577634" y="3468283"/>
            <a:ext cx="1780728" cy="170743"/>
          </a:xfrm>
          <a:prstGeom prst="line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125760"/>
            <a:ext cx="9150392" cy="1143000"/>
          </a:xfrm>
        </p:spPr>
        <p:txBody>
          <a:bodyPr/>
          <a:lstStyle/>
          <a:p>
            <a:r>
              <a:rPr lang="da-DK" b="1" dirty="0">
                <a:solidFill>
                  <a:srgbClr val="C00000"/>
                </a:solidFill>
              </a:rPr>
              <a:t>Største Tomme Cirkel</a:t>
            </a:r>
          </a:p>
        </p:txBody>
      </p:sp>
      <p:sp>
        <p:nvSpPr>
          <p:cNvPr id="5" name="Oval 4"/>
          <p:cNvSpPr/>
          <p:nvPr/>
        </p:nvSpPr>
        <p:spPr>
          <a:xfrm>
            <a:off x="2309218" y="2379017"/>
            <a:ext cx="2520000" cy="252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cxnSp>
        <p:nvCxnSpPr>
          <p:cNvPr id="30" name="Straight Connector 29"/>
          <p:cNvCxnSpPr/>
          <p:nvPr/>
        </p:nvCxnSpPr>
        <p:spPr>
          <a:xfrm flipV="1">
            <a:off x="2327226" y="2824139"/>
            <a:ext cx="2203450" cy="539748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/>
        </p:nvCxnSpPr>
        <p:spPr>
          <a:xfrm>
            <a:off x="2338016" y="3365921"/>
            <a:ext cx="668660" cy="1401316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6" name="Group 95"/>
          <p:cNvGrpSpPr/>
          <p:nvPr/>
        </p:nvGrpSpPr>
        <p:grpSpPr>
          <a:xfrm>
            <a:off x="2314972" y="3418697"/>
            <a:ext cx="1710785" cy="821563"/>
            <a:chOff x="2699191" y="3356805"/>
            <a:chExt cx="1710785" cy="821563"/>
          </a:xfrm>
        </p:grpSpPr>
        <p:cxnSp>
          <p:nvCxnSpPr>
            <p:cNvPr id="46" name="Straight Connector 45"/>
            <p:cNvCxnSpPr/>
            <p:nvPr/>
          </p:nvCxnSpPr>
          <p:spPr>
            <a:xfrm flipH="1">
              <a:off x="2699191" y="3356805"/>
              <a:ext cx="1710785" cy="821563"/>
            </a:xfrm>
            <a:prstGeom prst="line">
              <a:avLst/>
            </a:prstGeom>
            <a:ln>
              <a:solidFill>
                <a:srgbClr val="C0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Straight Connector 47"/>
            <p:cNvCxnSpPr/>
            <p:nvPr/>
          </p:nvCxnSpPr>
          <p:spPr>
            <a:xfrm flipH="1">
              <a:off x="3095730" y="4041648"/>
              <a:ext cx="82724" cy="38872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Straight Connector 49"/>
            <p:cNvCxnSpPr/>
            <p:nvPr/>
          </p:nvCxnSpPr>
          <p:spPr>
            <a:xfrm flipH="1" flipV="1">
              <a:off x="3145534" y="3964840"/>
              <a:ext cx="36579" cy="78385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95" name="Group 94"/>
          <p:cNvGrpSpPr/>
          <p:nvPr/>
        </p:nvGrpSpPr>
        <p:grpSpPr>
          <a:xfrm>
            <a:off x="3322279" y="2685286"/>
            <a:ext cx="342465" cy="1341442"/>
            <a:chOff x="3706498" y="2623399"/>
            <a:chExt cx="342465" cy="1341442"/>
          </a:xfrm>
        </p:grpSpPr>
        <p:cxnSp>
          <p:nvCxnSpPr>
            <p:cNvPr id="56" name="Straight Connector 55"/>
            <p:cNvCxnSpPr/>
            <p:nvPr/>
          </p:nvCxnSpPr>
          <p:spPr>
            <a:xfrm>
              <a:off x="3706498" y="2623399"/>
              <a:ext cx="342465" cy="1341442"/>
            </a:xfrm>
            <a:prstGeom prst="line">
              <a:avLst/>
            </a:prstGeom>
            <a:ln>
              <a:solidFill>
                <a:srgbClr val="C0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Straight Connector 63"/>
            <p:cNvCxnSpPr/>
            <p:nvPr/>
          </p:nvCxnSpPr>
          <p:spPr>
            <a:xfrm flipH="1" flipV="1">
              <a:off x="3890332" y="3013724"/>
              <a:ext cx="22062" cy="84282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/>
            <p:cNvCxnSpPr/>
            <p:nvPr/>
          </p:nvCxnSpPr>
          <p:spPr>
            <a:xfrm flipH="1">
              <a:off x="3835937" y="3102769"/>
              <a:ext cx="78838" cy="1991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75" name="Straight Connector 74"/>
          <p:cNvCxnSpPr/>
          <p:nvPr/>
        </p:nvCxnSpPr>
        <p:spPr>
          <a:xfrm flipV="1">
            <a:off x="3573632" y="2818735"/>
            <a:ext cx="955343" cy="818866"/>
          </a:xfrm>
          <a:prstGeom prst="line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val 80"/>
          <p:cNvSpPr/>
          <p:nvPr/>
        </p:nvSpPr>
        <p:spPr>
          <a:xfrm>
            <a:off x="5816759" y="4171369"/>
            <a:ext cx="720000" cy="72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2" name="Oval 81"/>
          <p:cNvSpPr/>
          <p:nvPr/>
        </p:nvSpPr>
        <p:spPr>
          <a:xfrm>
            <a:off x="5474568" y="3991495"/>
            <a:ext cx="1440000" cy="144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3" name="Oval 82"/>
          <p:cNvSpPr/>
          <p:nvPr/>
        </p:nvSpPr>
        <p:spPr>
          <a:xfrm>
            <a:off x="5626968" y="3991495"/>
            <a:ext cx="1080000" cy="108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4" name="Oval 83"/>
          <p:cNvSpPr/>
          <p:nvPr/>
        </p:nvSpPr>
        <p:spPr>
          <a:xfrm>
            <a:off x="5141809" y="3959285"/>
            <a:ext cx="1800000" cy="180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94" name="Group 93"/>
          <p:cNvGrpSpPr/>
          <p:nvPr/>
        </p:nvGrpSpPr>
        <p:grpSpPr>
          <a:xfrm>
            <a:off x="1207840" y="2087121"/>
            <a:ext cx="5788248" cy="3275979"/>
            <a:chOff x="1592064" y="2025229"/>
            <a:chExt cx="5788248" cy="3275979"/>
          </a:xfrm>
        </p:grpSpPr>
        <p:sp>
          <p:nvSpPr>
            <p:cNvPr id="8" name="Oval 7"/>
            <p:cNvSpPr/>
            <p:nvPr/>
          </p:nvSpPr>
          <p:spPr>
            <a:xfrm>
              <a:off x="5856292" y="2025229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9" name="Oval 8"/>
            <p:cNvSpPr/>
            <p:nvPr/>
          </p:nvSpPr>
          <p:spPr>
            <a:xfrm>
              <a:off x="4355976" y="4977184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0" name="Oval 9"/>
            <p:cNvSpPr/>
            <p:nvPr/>
          </p:nvSpPr>
          <p:spPr>
            <a:xfrm>
              <a:off x="5687598" y="3348711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" name="Oval 11"/>
            <p:cNvSpPr/>
            <p:nvPr/>
          </p:nvSpPr>
          <p:spPr>
            <a:xfrm>
              <a:off x="3239864" y="2134592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8" name="Oval 17"/>
            <p:cNvSpPr/>
            <p:nvPr/>
          </p:nvSpPr>
          <p:spPr>
            <a:xfrm>
              <a:off x="2195736" y="483301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" name="Oval 20"/>
            <p:cNvSpPr/>
            <p:nvPr/>
          </p:nvSpPr>
          <p:spPr>
            <a:xfrm>
              <a:off x="7092032" y="26822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1700064" y="27568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4" name="Oval 23"/>
            <p:cNvSpPr/>
            <p:nvPr/>
          </p:nvSpPr>
          <p:spPr>
            <a:xfrm>
              <a:off x="1592064" y="418509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" name="Oval 12"/>
            <p:cNvSpPr/>
            <p:nvPr/>
          </p:nvSpPr>
          <p:spPr>
            <a:xfrm>
              <a:off x="2663800" y="3248805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6" name="Oval 15"/>
            <p:cNvSpPr/>
            <p:nvPr/>
          </p:nvSpPr>
          <p:spPr>
            <a:xfrm>
              <a:off x="3347864" y="465313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" name="Oval 5"/>
            <p:cNvSpPr/>
            <p:nvPr/>
          </p:nvSpPr>
          <p:spPr>
            <a:xfrm>
              <a:off x="4860032" y="27089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" name="Oval 13"/>
            <p:cNvSpPr/>
            <p:nvPr/>
          </p:nvSpPr>
          <p:spPr>
            <a:xfrm>
              <a:off x="5580112" y="519320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0" name="Oval 19"/>
            <p:cNvSpPr/>
            <p:nvPr/>
          </p:nvSpPr>
          <p:spPr>
            <a:xfrm>
              <a:off x="7272312" y="4623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5" name="Oval 14"/>
            <p:cNvSpPr/>
            <p:nvPr/>
          </p:nvSpPr>
          <p:spPr>
            <a:xfrm>
              <a:off x="6510312" y="3861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97" name="TextBox 96"/>
          <p:cNvSpPr txBox="1"/>
          <p:nvPr/>
        </p:nvSpPr>
        <p:spPr>
          <a:xfrm>
            <a:off x="1709904" y="5880713"/>
            <a:ext cx="550220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dirty="0"/>
              <a:t>  Største tomme cirkel har </a:t>
            </a:r>
            <a:br>
              <a:rPr lang="da-DK" sz="2400" dirty="0"/>
            </a:br>
            <a:r>
              <a:rPr lang="da-DK" sz="2400" dirty="0"/>
              <a:t>	    mindst 3 punkter på randen</a:t>
            </a:r>
          </a:p>
        </p:txBody>
      </p:sp>
      <p:grpSp>
        <p:nvGrpSpPr>
          <p:cNvPr id="101" name="Group 100"/>
          <p:cNvGrpSpPr/>
          <p:nvPr/>
        </p:nvGrpSpPr>
        <p:grpSpPr>
          <a:xfrm>
            <a:off x="1912906" y="2482775"/>
            <a:ext cx="3066958" cy="2601580"/>
            <a:chOff x="2297130" y="2420888"/>
            <a:chExt cx="3066958" cy="2601580"/>
          </a:xfrm>
        </p:grpSpPr>
        <p:sp>
          <p:nvSpPr>
            <p:cNvPr id="98" name="TextBox 97"/>
            <p:cNvSpPr txBox="1"/>
            <p:nvPr/>
          </p:nvSpPr>
          <p:spPr>
            <a:xfrm>
              <a:off x="4889418" y="2420888"/>
              <a:ext cx="47467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/>
                <a:t>p</a:t>
              </a:r>
              <a:r>
                <a:rPr lang="da-DK" baseline="-25000"/>
                <a:t>3</a:t>
              </a:r>
            </a:p>
          </p:txBody>
        </p:sp>
        <p:sp>
          <p:nvSpPr>
            <p:cNvPr id="99" name="TextBox 98"/>
            <p:cNvSpPr txBox="1"/>
            <p:nvPr/>
          </p:nvSpPr>
          <p:spPr>
            <a:xfrm>
              <a:off x="3161226" y="4653136"/>
              <a:ext cx="47467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/>
                <a:t>p</a:t>
              </a:r>
              <a:r>
                <a:rPr lang="da-DK" baseline="-25000"/>
                <a:t>2</a:t>
              </a:r>
            </a:p>
          </p:txBody>
        </p:sp>
        <p:sp>
          <p:nvSpPr>
            <p:cNvPr id="100" name="TextBox 99"/>
            <p:cNvSpPr txBox="1"/>
            <p:nvPr/>
          </p:nvSpPr>
          <p:spPr>
            <a:xfrm>
              <a:off x="2297130" y="2996952"/>
              <a:ext cx="47467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/>
                <a:t>p</a:t>
              </a:r>
              <a:r>
                <a:rPr lang="da-DK" baseline="-25000"/>
                <a:t>1</a:t>
              </a:r>
            </a:p>
          </p:txBody>
        </p:sp>
      </p:grpSp>
      <p:sp>
        <p:nvSpPr>
          <p:cNvPr id="102" name="TextBox 101"/>
          <p:cNvSpPr txBox="1"/>
          <p:nvPr/>
        </p:nvSpPr>
        <p:spPr>
          <a:xfrm>
            <a:off x="4073146" y="3049547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chemeClr val="bg1">
                    <a:lumMod val="50000"/>
                  </a:schemeClr>
                </a:solidFill>
              </a:rPr>
              <a:t>r</a:t>
            </a:r>
            <a:endParaRPr lang="da-DK" baseline="-2500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3" name="TextBox 102"/>
          <p:cNvSpPr txBox="1"/>
          <p:nvPr/>
        </p:nvSpPr>
        <p:spPr>
          <a:xfrm>
            <a:off x="7693573" y="2239665"/>
            <a:ext cx="3948607" cy="2215991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77800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177800" algn="l"/>
              </a:tabLst>
            </a:pPr>
            <a:r>
              <a:rPr lang="da-DK" dirty="0"/>
              <a:t>for alle mulige  (p</a:t>
            </a:r>
            <a:r>
              <a:rPr lang="da-DK" baseline="-25000" dirty="0"/>
              <a:t>1</a:t>
            </a:r>
            <a:r>
              <a:rPr lang="da-DK" dirty="0"/>
              <a:t>, p</a:t>
            </a:r>
            <a:r>
              <a:rPr lang="da-DK" baseline="-25000" dirty="0"/>
              <a:t>2</a:t>
            </a:r>
            <a:r>
              <a:rPr lang="da-DK" dirty="0"/>
              <a:t>, p</a:t>
            </a:r>
            <a:r>
              <a:rPr lang="da-DK" baseline="-25000" dirty="0"/>
              <a:t>3</a:t>
            </a:r>
            <a:r>
              <a:rPr lang="da-DK" dirty="0"/>
              <a:t>) :</a:t>
            </a:r>
          </a:p>
          <a:p>
            <a:pPr>
              <a:tabLst>
                <a:tab pos="177800" algn="l"/>
              </a:tabLst>
            </a:pPr>
            <a:r>
              <a:rPr lang="da-DK" dirty="0"/>
              <a:t>	find </a:t>
            </a:r>
            <a:r>
              <a:rPr lang="da-DK" dirty="0">
                <a:solidFill>
                  <a:srgbClr val="C00000"/>
                </a:solidFill>
              </a:rPr>
              <a:t>C </a:t>
            </a:r>
            <a:r>
              <a:rPr lang="da-DK" dirty="0"/>
              <a:t>med p</a:t>
            </a:r>
            <a:r>
              <a:rPr lang="da-DK" baseline="-25000" dirty="0"/>
              <a:t>1</a:t>
            </a:r>
            <a:r>
              <a:rPr lang="da-DK" dirty="0"/>
              <a:t>, p</a:t>
            </a:r>
            <a:r>
              <a:rPr lang="da-DK" baseline="-25000" dirty="0"/>
              <a:t>2</a:t>
            </a:r>
            <a:r>
              <a:rPr lang="da-DK" dirty="0"/>
              <a:t>, p</a:t>
            </a:r>
            <a:r>
              <a:rPr lang="da-DK" baseline="-25000" dirty="0"/>
              <a:t>3 </a:t>
            </a:r>
            <a:r>
              <a:rPr lang="da-DK" dirty="0"/>
              <a:t>på randen</a:t>
            </a:r>
          </a:p>
          <a:p>
            <a:pPr>
              <a:tabLst>
                <a:tab pos="177800" algn="l"/>
              </a:tabLst>
            </a:pPr>
            <a:r>
              <a:rPr lang="da-DK" dirty="0"/>
              <a:t>	for alle punkter </a:t>
            </a:r>
            <a:r>
              <a:rPr lang="da-DK" dirty="0">
                <a:solidFill>
                  <a:schemeClr val="accent1"/>
                </a:solidFill>
              </a:rPr>
              <a:t>p</a:t>
            </a:r>
            <a:r>
              <a:rPr lang="da-DK" dirty="0"/>
              <a:t> :</a:t>
            </a:r>
          </a:p>
          <a:p>
            <a:pPr>
              <a:tabLst>
                <a:tab pos="177800" algn="l"/>
                <a:tab pos="361950" algn="l"/>
              </a:tabLst>
            </a:pPr>
            <a:r>
              <a:rPr lang="da-DK" dirty="0"/>
              <a:t>		hvis </a:t>
            </a:r>
            <a:r>
              <a:rPr lang="da-DK" dirty="0">
                <a:solidFill>
                  <a:schemeClr val="accent1"/>
                </a:solidFill>
              </a:rPr>
              <a:t>p</a:t>
            </a:r>
            <a:r>
              <a:rPr lang="da-DK" dirty="0"/>
              <a:t> inde i </a:t>
            </a:r>
            <a:r>
              <a:rPr lang="da-DK" dirty="0">
                <a:solidFill>
                  <a:srgbClr val="C00000"/>
                </a:solidFill>
              </a:rPr>
              <a:t>C</a:t>
            </a:r>
            <a:r>
              <a:rPr lang="da-DK" dirty="0"/>
              <a:t> prøv næste (p</a:t>
            </a:r>
            <a:r>
              <a:rPr lang="da-DK" baseline="-25000" dirty="0"/>
              <a:t>1</a:t>
            </a:r>
            <a:r>
              <a:rPr lang="da-DK" dirty="0"/>
              <a:t>, p</a:t>
            </a:r>
            <a:r>
              <a:rPr lang="da-DK" baseline="-25000" dirty="0"/>
              <a:t>2</a:t>
            </a:r>
            <a:r>
              <a:rPr lang="da-DK" dirty="0"/>
              <a:t>, p</a:t>
            </a:r>
            <a:r>
              <a:rPr lang="da-DK" baseline="-25000" dirty="0"/>
              <a:t>3</a:t>
            </a:r>
            <a:r>
              <a:rPr lang="da-DK" dirty="0"/>
              <a:t>)</a:t>
            </a:r>
          </a:p>
          <a:p>
            <a:pPr>
              <a:tabLst>
                <a:tab pos="177800" algn="l"/>
                <a:tab pos="361950" algn="l"/>
              </a:tabLst>
            </a:pPr>
            <a:r>
              <a:rPr lang="da-DK" dirty="0"/>
              <a:t>	</a:t>
            </a:r>
            <a:r>
              <a:rPr lang="da-DK" dirty="0">
                <a:solidFill>
                  <a:srgbClr val="C00000"/>
                </a:solidFill>
              </a:rPr>
              <a:t>C</a:t>
            </a:r>
            <a:r>
              <a:rPr lang="da-DK" dirty="0"/>
              <a:t> mulig kandidat</a:t>
            </a:r>
          </a:p>
          <a:p>
            <a:pPr>
              <a:tabLst>
                <a:tab pos="177800" algn="l"/>
                <a:tab pos="361950" algn="l"/>
              </a:tabLst>
            </a:pPr>
            <a:r>
              <a:rPr lang="da-DK" dirty="0"/>
              <a:t>Rapporter største kandidat fundet</a:t>
            </a:r>
          </a:p>
        </p:txBody>
      </p:sp>
      <p:sp>
        <p:nvSpPr>
          <p:cNvPr id="104" name="TextBox 103"/>
          <p:cNvSpPr txBox="1"/>
          <p:nvPr/>
        </p:nvSpPr>
        <p:spPr>
          <a:xfrm>
            <a:off x="2272946" y="2550632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rgbClr val="C00000"/>
                </a:solidFill>
              </a:rPr>
              <a:t>C</a:t>
            </a:r>
            <a:endParaRPr lang="da-DK" baseline="-25000">
              <a:solidFill>
                <a:srgbClr val="C00000"/>
              </a:solidFill>
            </a:endParaRPr>
          </a:p>
        </p:txBody>
      </p:sp>
      <p:sp>
        <p:nvSpPr>
          <p:cNvPr id="105" name="TextBox 104"/>
          <p:cNvSpPr txBox="1"/>
          <p:nvPr/>
        </p:nvSpPr>
        <p:spPr>
          <a:xfrm>
            <a:off x="3353066" y="3625611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rgbClr val="C00000"/>
                </a:solidFill>
              </a:rPr>
              <a:t>c</a:t>
            </a:r>
            <a:endParaRPr lang="da-DK" baseline="-25000">
              <a:solidFill>
                <a:srgbClr val="C00000"/>
              </a:solidFill>
            </a:endParaRPr>
          </a:p>
        </p:txBody>
      </p:sp>
      <p:sp>
        <p:nvSpPr>
          <p:cNvPr id="45" name="TextBox 44"/>
          <p:cNvSpPr txBox="1"/>
          <p:nvPr/>
        </p:nvSpPr>
        <p:spPr>
          <a:xfrm>
            <a:off x="5348956" y="3156052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chemeClr val="accent1"/>
                </a:solidFill>
              </a:rPr>
              <a:t>p</a:t>
            </a:r>
            <a:endParaRPr lang="da-DK" baseline="-25000">
              <a:solidFill>
                <a:schemeClr val="accent1"/>
              </a:solidFill>
            </a:endParaRPr>
          </a:p>
        </p:txBody>
      </p:sp>
      <p:sp>
        <p:nvSpPr>
          <p:cNvPr id="27" name="Oval 26"/>
          <p:cNvSpPr/>
          <p:nvPr/>
        </p:nvSpPr>
        <p:spPr>
          <a:xfrm>
            <a:off x="3515218" y="3585017"/>
            <a:ext cx="108000" cy="108000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1" name="TextBox 50"/>
          <p:cNvSpPr txBox="1"/>
          <p:nvPr/>
        </p:nvSpPr>
        <p:spPr>
          <a:xfrm>
            <a:off x="3854374" y="3553564"/>
            <a:ext cx="9748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err="1">
                <a:solidFill>
                  <a:schemeClr val="bg1">
                    <a:lumMod val="50000"/>
                  </a:schemeClr>
                </a:solidFill>
              </a:rPr>
              <a:t>dist</a:t>
            </a:r>
            <a:r>
              <a:rPr lang="da-DK">
                <a:solidFill>
                  <a:schemeClr val="bg1">
                    <a:lumMod val="50000"/>
                  </a:schemeClr>
                </a:solidFill>
              </a:rPr>
              <a:t>(</a:t>
            </a:r>
            <a:r>
              <a:rPr lang="da-DK" err="1">
                <a:solidFill>
                  <a:srgbClr val="C00000"/>
                </a:solidFill>
              </a:rPr>
              <a:t>c</a:t>
            </a:r>
            <a:r>
              <a:rPr lang="da-DK" err="1">
                <a:solidFill>
                  <a:schemeClr val="bg1">
                    <a:lumMod val="50000"/>
                  </a:schemeClr>
                </a:solidFill>
              </a:rPr>
              <a:t>,</a:t>
            </a:r>
            <a:r>
              <a:rPr lang="da-DK" err="1">
                <a:solidFill>
                  <a:schemeClr val="accent1"/>
                </a:solidFill>
              </a:rPr>
              <a:t>p</a:t>
            </a:r>
            <a:r>
              <a:rPr lang="da-DK">
                <a:solidFill>
                  <a:schemeClr val="bg1">
                    <a:lumMod val="50000"/>
                  </a:schemeClr>
                </a:solidFill>
              </a:rPr>
              <a:t>)</a:t>
            </a:r>
            <a:endParaRPr lang="da-DK" baseline="-2500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68778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3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6" fill="hold">
                      <p:stCondLst>
                        <p:cond delay="indefinite"/>
                      </p:stCondLst>
                      <p:childTnLst>
                        <p:par>
                          <p:cTn id="67" fill="hold">
                            <p:stCondLst>
                              <p:cond delay="0"/>
                            </p:stCondLst>
                            <p:childTnLst>
                              <p:par>
                                <p:cTn id="6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6" fill="hold">
                      <p:stCondLst>
                        <p:cond delay="indefinite"/>
                      </p:stCondLst>
                      <p:childTnLst>
                        <p:par>
                          <p:cTn id="77" fill="hold">
                            <p:stCondLst>
                              <p:cond delay="0"/>
                            </p:stCondLst>
                            <p:childTnLst>
                              <p:par>
                                <p:cTn id="7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7" fill="hold">
                      <p:stCondLst>
                        <p:cond delay="indefinite"/>
                      </p:stCondLst>
                      <p:childTnLst>
                        <p:par>
                          <p:cTn id="98" fill="hold">
                            <p:stCondLst>
                              <p:cond delay="0"/>
                            </p:stCondLst>
                            <p:childTnLst>
                              <p:par>
                                <p:cTn id="9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3" grpId="0" animBg="1"/>
      <p:bldP spid="5" grpId="0" animBg="1"/>
      <p:bldP spid="81" grpId="0" animBg="1"/>
      <p:bldP spid="81" grpId="1" animBg="1"/>
      <p:bldP spid="82" grpId="0" animBg="1"/>
      <p:bldP spid="82" grpId="1" animBg="1"/>
      <p:bldP spid="83" grpId="0" animBg="1"/>
      <p:bldP spid="83" grpId="1" animBg="1"/>
      <p:bldP spid="84" grpId="0" animBg="1"/>
      <p:bldP spid="84" grpId="1" animBg="1"/>
      <p:bldP spid="97" grpId="0"/>
      <p:bldP spid="102" grpId="0"/>
      <p:bldP spid="103" grpId="0" animBg="1"/>
      <p:bldP spid="104" grpId="0"/>
      <p:bldP spid="105" grpId="0"/>
      <p:bldP spid="45" grpId="0"/>
      <p:bldP spid="27" grpId="0" animBg="1"/>
      <p:bldP spid="51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Rectangle 92"/>
          <p:cNvSpPr/>
          <p:nvPr/>
        </p:nvSpPr>
        <p:spPr>
          <a:xfrm>
            <a:off x="994727" y="1481390"/>
            <a:ext cx="6228680" cy="432048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66" name="Freeform 265"/>
          <p:cNvSpPr/>
          <p:nvPr/>
        </p:nvSpPr>
        <p:spPr>
          <a:xfrm>
            <a:off x="1684843" y="2659414"/>
            <a:ext cx="1897380" cy="1638300"/>
          </a:xfrm>
          <a:custGeom>
            <a:avLst/>
            <a:gdLst>
              <a:gd name="connsiteX0" fmla="*/ 0 w 1897380"/>
              <a:gd name="connsiteY0" fmla="*/ 914400 h 1653540"/>
              <a:gd name="connsiteX1" fmla="*/ 388620 w 1897380"/>
              <a:gd name="connsiteY1" fmla="*/ 1562100 h 1653540"/>
              <a:gd name="connsiteX2" fmla="*/ 640080 w 1897380"/>
              <a:gd name="connsiteY2" fmla="*/ 1653540 h 1653540"/>
              <a:gd name="connsiteX3" fmla="*/ 1897380 w 1897380"/>
              <a:gd name="connsiteY3" fmla="*/ 982980 h 1653540"/>
              <a:gd name="connsiteX4" fmla="*/ 1783080 w 1897380"/>
              <a:gd name="connsiteY4" fmla="*/ 495300 h 1653540"/>
              <a:gd name="connsiteX5" fmla="*/ 464820 w 1897380"/>
              <a:gd name="connsiteY5" fmla="*/ 0 h 1653540"/>
              <a:gd name="connsiteX6" fmla="*/ 0 w 1897380"/>
              <a:gd name="connsiteY6" fmla="*/ 914400 h 1653540"/>
              <a:gd name="connsiteX0" fmla="*/ 0 w 1897380"/>
              <a:gd name="connsiteY0" fmla="*/ 914400 h 1630680"/>
              <a:gd name="connsiteX1" fmla="*/ 388620 w 1897380"/>
              <a:gd name="connsiteY1" fmla="*/ 1562100 h 1630680"/>
              <a:gd name="connsiteX2" fmla="*/ 632460 w 1897380"/>
              <a:gd name="connsiteY2" fmla="*/ 1630680 h 1630680"/>
              <a:gd name="connsiteX3" fmla="*/ 1897380 w 1897380"/>
              <a:gd name="connsiteY3" fmla="*/ 982980 h 1630680"/>
              <a:gd name="connsiteX4" fmla="*/ 1783080 w 1897380"/>
              <a:gd name="connsiteY4" fmla="*/ 495300 h 1630680"/>
              <a:gd name="connsiteX5" fmla="*/ 464820 w 1897380"/>
              <a:gd name="connsiteY5" fmla="*/ 0 h 1630680"/>
              <a:gd name="connsiteX6" fmla="*/ 0 w 1897380"/>
              <a:gd name="connsiteY6" fmla="*/ 914400 h 1630680"/>
              <a:gd name="connsiteX0" fmla="*/ 0 w 1897380"/>
              <a:gd name="connsiteY0" fmla="*/ 914400 h 1638300"/>
              <a:gd name="connsiteX1" fmla="*/ 388620 w 1897380"/>
              <a:gd name="connsiteY1" fmla="*/ 1562100 h 1638300"/>
              <a:gd name="connsiteX2" fmla="*/ 617220 w 1897380"/>
              <a:gd name="connsiteY2" fmla="*/ 1638300 h 1638300"/>
              <a:gd name="connsiteX3" fmla="*/ 1897380 w 1897380"/>
              <a:gd name="connsiteY3" fmla="*/ 982980 h 1638300"/>
              <a:gd name="connsiteX4" fmla="*/ 1783080 w 1897380"/>
              <a:gd name="connsiteY4" fmla="*/ 495300 h 1638300"/>
              <a:gd name="connsiteX5" fmla="*/ 464820 w 1897380"/>
              <a:gd name="connsiteY5" fmla="*/ 0 h 1638300"/>
              <a:gd name="connsiteX6" fmla="*/ 0 w 1897380"/>
              <a:gd name="connsiteY6" fmla="*/ 9144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897380" h="1638300">
                <a:moveTo>
                  <a:pt x="0" y="914400"/>
                </a:moveTo>
                <a:lnTo>
                  <a:pt x="388620" y="1562100"/>
                </a:lnTo>
                <a:lnTo>
                  <a:pt x="617220" y="1638300"/>
                </a:lnTo>
                <a:lnTo>
                  <a:pt x="1897380" y="982980"/>
                </a:lnTo>
                <a:lnTo>
                  <a:pt x="1783080" y="495300"/>
                </a:lnTo>
                <a:lnTo>
                  <a:pt x="464820" y="0"/>
                </a:lnTo>
                <a:lnTo>
                  <a:pt x="0" y="914400"/>
                </a:lnTo>
                <a:close/>
              </a:path>
            </a:pathLst>
          </a:custGeom>
          <a:solidFill>
            <a:schemeClr val="accent4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291" name="Group 290"/>
          <p:cNvGrpSpPr/>
          <p:nvPr/>
        </p:nvGrpSpPr>
        <p:grpSpPr>
          <a:xfrm>
            <a:off x="994731" y="1481390"/>
            <a:ext cx="6224913" cy="4320480"/>
            <a:chOff x="719584" y="1412776"/>
            <a:chExt cx="6224913" cy="4320480"/>
          </a:xfrm>
        </p:grpSpPr>
        <p:cxnSp>
          <p:nvCxnSpPr>
            <p:cNvPr id="107" name="Straight Connector 106"/>
            <p:cNvCxnSpPr/>
            <p:nvPr/>
          </p:nvCxnSpPr>
          <p:spPr>
            <a:xfrm flipH="1" flipV="1">
              <a:off x="1223617" y="1412776"/>
              <a:ext cx="646964" cy="117513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8" name="Straight Connector 107"/>
            <p:cNvCxnSpPr/>
            <p:nvPr/>
          </p:nvCxnSpPr>
          <p:spPr>
            <a:xfrm flipH="1" flipV="1">
              <a:off x="719584" y="3426520"/>
              <a:ext cx="684064" cy="74488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" name="Straight Connector 109"/>
            <p:cNvCxnSpPr/>
            <p:nvPr/>
          </p:nvCxnSpPr>
          <p:spPr>
            <a:xfrm flipH="1" flipV="1">
              <a:off x="1403648" y="3501008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" name="Straight Connector 111"/>
            <p:cNvCxnSpPr/>
            <p:nvPr/>
          </p:nvCxnSpPr>
          <p:spPr>
            <a:xfrm flipH="1">
              <a:off x="1403648" y="2587912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 flipH="1">
              <a:off x="719584" y="4149080"/>
              <a:ext cx="1075466" cy="93610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>
              <a:off x="2015728" y="4235510"/>
              <a:ext cx="324024" cy="149774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1795050" y="4149080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3" name="Straight Connector 122"/>
            <p:cNvCxnSpPr/>
            <p:nvPr/>
          </p:nvCxnSpPr>
          <p:spPr>
            <a:xfrm flipV="1">
              <a:off x="2015728" y="3571336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1" name="Straight Connector 130"/>
            <p:cNvCxnSpPr/>
            <p:nvPr/>
          </p:nvCxnSpPr>
          <p:spPr>
            <a:xfrm flipH="1" flipV="1">
              <a:off x="5797095" y="4797774"/>
              <a:ext cx="362169" cy="92804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2" name="Straight Connector 131"/>
            <p:cNvCxnSpPr/>
            <p:nvPr/>
          </p:nvCxnSpPr>
          <p:spPr>
            <a:xfrm flipV="1">
              <a:off x="5797095" y="3682066"/>
              <a:ext cx="1007153" cy="1115708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3" name="Straight Connector 132"/>
            <p:cNvCxnSpPr/>
            <p:nvPr/>
          </p:nvCxnSpPr>
          <p:spPr>
            <a:xfrm flipV="1">
              <a:off x="2979440" y="3763565"/>
              <a:ext cx="584448" cy="1969691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4" name="Straight Connector 133"/>
            <p:cNvCxnSpPr/>
            <p:nvPr/>
          </p:nvCxnSpPr>
          <p:spPr>
            <a:xfrm flipV="1">
              <a:off x="4211960" y="4304652"/>
              <a:ext cx="268146" cy="142860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4" name="Straight Connector 143"/>
            <p:cNvCxnSpPr/>
            <p:nvPr/>
          </p:nvCxnSpPr>
          <p:spPr>
            <a:xfrm flipH="1" flipV="1">
              <a:off x="5040040" y="4304652"/>
              <a:ext cx="757056" cy="49312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9" name="Straight Connector 148"/>
            <p:cNvCxnSpPr/>
            <p:nvPr/>
          </p:nvCxnSpPr>
          <p:spPr>
            <a:xfrm flipH="1" flipV="1">
              <a:off x="5711192" y="3059480"/>
              <a:ext cx="1093056" cy="60797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1" name="Straight Connector 150"/>
            <p:cNvCxnSpPr/>
            <p:nvPr/>
          </p:nvCxnSpPr>
          <p:spPr>
            <a:xfrm flipH="1" flipV="1">
              <a:off x="5584818" y="2756848"/>
              <a:ext cx="126373" cy="30263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5" name="Straight Connector 154"/>
            <p:cNvCxnSpPr/>
            <p:nvPr/>
          </p:nvCxnSpPr>
          <p:spPr>
            <a:xfrm flipV="1">
              <a:off x="5040040" y="3059480"/>
              <a:ext cx="671150" cy="124517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Straight Connector 163"/>
            <p:cNvCxnSpPr/>
            <p:nvPr/>
          </p:nvCxnSpPr>
          <p:spPr>
            <a:xfrm flipH="1">
              <a:off x="4480106" y="4304652"/>
              <a:ext cx="561292" cy="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3" name="Straight Connector 172"/>
            <p:cNvCxnSpPr/>
            <p:nvPr/>
          </p:nvCxnSpPr>
          <p:spPr>
            <a:xfrm flipH="1" flipV="1">
              <a:off x="3953727" y="3861048"/>
              <a:ext cx="526379" cy="443607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7" name="Straight Connector 176"/>
            <p:cNvCxnSpPr/>
            <p:nvPr/>
          </p:nvCxnSpPr>
          <p:spPr>
            <a:xfrm flipH="1">
              <a:off x="3953727" y="2631248"/>
              <a:ext cx="978316" cy="122980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1" name="Straight Connector 180"/>
            <p:cNvCxnSpPr/>
            <p:nvPr/>
          </p:nvCxnSpPr>
          <p:spPr>
            <a:xfrm>
              <a:off x="4000447" y="1412776"/>
              <a:ext cx="929113" cy="121847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4" name="Straight Connector 183"/>
            <p:cNvCxnSpPr/>
            <p:nvPr/>
          </p:nvCxnSpPr>
          <p:spPr>
            <a:xfrm>
              <a:off x="4932040" y="2631248"/>
              <a:ext cx="652778" cy="12560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0" name="Straight Connector 189"/>
            <p:cNvCxnSpPr/>
            <p:nvPr/>
          </p:nvCxnSpPr>
          <p:spPr>
            <a:xfrm flipV="1">
              <a:off x="5584818" y="1412776"/>
              <a:ext cx="913142" cy="135014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7" name="Straight Connector 196"/>
            <p:cNvCxnSpPr/>
            <p:nvPr/>
          </p:nvCxnSpPr>
          <p:spPr>
            <a:xfrm flipH="1">
              <a:off x="3208020" y="1412776"/>
              <a:ext cx="745708" cy="168856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0" name="Straight Connector 199"/>
            <p:cNvCxnSpPr/>
            <p:nvPr/>
          </p:nvCxnSpPr>
          <p:spPr>
            <a:xfrm>
              <a:off x="1870581" y="2587912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1" name="Straight Connector 210"/>
            <p:cNvCxnSpPr/>
            <p:nvPr/>
          </p:nvCxnSpPr>
          <p:spPr>
            <a:xfrm>
              <a:off x="3208020" y="3101340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9" name="Straight Connector 218"/>
            <p:cNvCxnSpPr/>
            <p:nvPr/>
          </p:nvCxnSpPr>
          <p:spPr>
            <a:xfrm>
              <a:off x="3315004" y="3571336"/>
              <a:ext cx="248884" cy="192229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4" name="Straight Connector 223"/>
            <p:cNvCxnSpPr/>
            <p:nvPr/>
          </p:nvCxnSpPr>
          <p:spPr>
            <a:xfrm>
              <a:off x="3563888" y="3763566"/>
              <a:ext cx="389839" cy="9748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5" name="Straight Connector 284"/>
            <p:cNvCxnSpPr/>
            <p:nvPr/>
          </p:nvCxnSpPr>
          <p:spPr>
            <a:xfrm flipV="1">
              <a:off x="6804248" y="3661131"/>
              <a:ext cx="140249" cy="6319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4" name="Straight Connector 3"/>
          <p:cNvCxnSpPr/>
          <p:nvPr/>
        </p:nvCxnSpPr>
        <p:spPr>
          <a:xfrm flipH="1" flipV="1">
            <a:off x="2341010" y="3370614"/>
            <a:ext cx="1244600" cy="279400"/>
          </a:xfrm>
          <a:prstGeom prst="line">
            <a:avLst/>
          </a:prstGeom>
          <a:ln w="3810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2" y="125760"/>
            <a:ext cx="9144001" cy="1143000"/>
          </a:xfrm>
        </p:spPr>
        <p:txBody>
          <a:bodyPr/>
          <a:lstStyle/>
          <a:p>
            <a:r>
              <a:rPr lang="da-DK" b="1" dirty="0">
                <a:solidFill>
                  <a:srgbClr val="C00000"/>
                </a:solidFill>
              </a:rPr>
              <a:t>Største Tomme Cirkel</a:t>
            </a:r>
          </a:p>
        </p:txBody>
      </p:sp>
      <p:sp>
        <p:nvSpPr>
          <p:cNvPr id="257" name="TextBox 256"/>
          <p:cNvSpPr txBox="1"/>
          <p:nvPr/>
        </p:nvSpPr>
        <p:spPr>
          <a:xfrm>
            <a:off x="994731" y="5729867"/>
            <a:ext cx="622868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b="1" err="1">
                <a:solidFill>
                  <a:srgbClr val="00B050"/>
                </a:solidFill>
              </a:rPr>
              <a:t>Voronoi</a:t>
            </a:r>
            <a:r>
              <a:rPr lang="da-DK" sz="2400" b="1">
                <a:solidFill>
                  <a:srgbClr val="00B050"/>
                </a:solidFill>
              </a:rPr>
              <a:t> diagram</a:t>
            </a:r>
          </a:p>
        </p:txBody>
      </p:sp>
      <p:grpSp>
        <p:nvGrpSpPr>
          <p:cNvPr id="290" name="Group 289"/>
          <p:cNvGrpSpPr/>
          <p:nvPr/>
        </p:nvGrpSpPr>
        <p:grpSpPr>
          <a:xfrm>
            <a:off x="1630843" y="2605419"/>
            <a:ext cx="5502548" cy="2320619"/>
            <a:chOff x="1355700" y="2536800"/>
            <a:chExt cx="5502548" cy="2320619"/>
          </a:xfrm>
        </p:grpSpPr>
        <p:sp>
          <p:nvSpPr>
            <p:cNvPr id="267" name="Oval 266"/>
            <p:cNvSpPr/>
            <p:nvPr/>
          </p:nvSpPr>
          <p:spPr>
            <a:xfrm>
              <a:off x="1971327" y="4163553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8" name="Oval 267"/>
            <p:cNvSpPr/>
            <p:nvPr/>
          </p:nvSpPr>
          <p:spPr>
            <a:xfrm>
              <a:off x="1741050" y="4091434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9" name="Oval 268"/>
            <p:cNvSpPr/>
            <p:nvPr/>
          </p:nvSpPr>
          <p:spPr>
            <a:xfrm>
              <a:off x="4418684" y="4250842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0" name="Oval 269"/>
            <p:cNvSpPr/>
            <p:nvPr/>
          </p:nvSpPr>
          <p:spPr>
            <a:xfrm>
              <a:off x="4990191" y="4252551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1" name="Oval 270"/>
            <p:cNvSpPr/>
            <p:nvPr/>
          </p:nvSpPr>
          <p:spPr>
            <a:xfrm>
              <a:off x="1355700" y="3450215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2" name="Oval 271"/>
            <p:cNvSpPr/>
            <p:nvPr/>
          </p:nvSpPr>
          <p:spPr>
            <a:xfrm>
              <a:off x="1816582" y="253680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3" name="Oval 272"/>
            <p:cNvSpPr/>
            <p:nvPr/>
          </p:nvSpPr>
          <p:spPr>
            <a:xfrm>
              <a:off x="3509888" y="3717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4" name="Oval 273"/>
            <p:cNvSpPr/>
            <p:nvPr/>
          </p:nvSpPr>
          <p:spPr>
            <a:xfrm>
              <a:off x="3899728" y="3812398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275" name="Oval 274"/>
            <p:cNvSpPr/>
            <p:nvPr/>
          </p:nvSpPr>
          <p:spPr>
            <a:xfrm>
              <a:off x="5743095" y="4749419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6" name="Oval 275"/>
            <p:cNvSpPr/>
            <p:nvPr/>
          </p:nvSpPr>
          <p:spPr>
            <a:xfrm>
              <a:off x="5648004" y="300548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7" name="Oval 276"/>
            <p:cNvSpPr/>
            <p:nvPr/>
          </p:nvSpPr>
          <p:spPr>
            <a:xfrm>
              <a:off x="5540004" y="270892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8" name="Oval 277"/>
            <p:cNvSpPr/>
            <p:nvPr/>
          </p:nvSpPr>
          <p:spPr>
            <a:xfrm>
              <a:off x="4875560" y="2579224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9" name="Oval 278"/>
            <p:cNvSpPr/>
            <p:nvPr/>
          </p:nvSpPr>
          <p:spPr>
            <a:xfrm>
              <a:off x="3153512" y="303840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8" name="Oval 287"/>
            <p:cNvSpPr/>
            <p:nvPr/>
          </p:nvSpPr>
          <p:spPr>
            <a:xfrm>
              <a:off x="6750248" y="3619857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47" name="Oval 246"/>
          <p:cNvSpPr/>
          <p:nvPr/>
        </p:nvSpPr>
        <p:spPr>
          <a:xfrm>
            <a:off x="3526513" y="3591744"/>
            <a:ext cx="108000" cy="108000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30" name="Oval 229"/>
          <p:cNvSpPr/>
          <p:nvPr/>
        </p:nvSpPr>
        <p:spPr>
          <a:xfrm>
            <a:off x="2320513" y="2385744"/>
            <a:ext cx="2520000" cy="252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94" name="Group 93"/>
          <p:cNvGrpSpPr/>
          <p:nvPr/>
        </p:nvGrpSpPr>
        <p:grpSpPr>
          <a:xfrm>
            <a:off x="1219135" y="2093848"/>
            <a:ext cx="5788248" cy="3275979"/>
            <a:chOff x="1592064" y="2025229"/>
            <a:chExt cx="5788248" cy="3275979"/>
          </a:xfrm>
        </p:grpSpPr>
        <p:sp>
          <p:nvSpPr>
            <p:cNvPr id="8" name="Oval 7"/>
            <p:cNvSpPr/>
            <p:nvPr/>
          </p:nvSpPr>
          <p:spPr>
            <a:xfrm>
              <a:off x="5856292" y="2025229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9" name="Oval 8"/>
            <p:cNvSpPr/>
            <p:nvPr/>
          </p:nvSpPr>
          <p:spPr>
            <a:xfrm>
              <a:off x="4355976" y="4977184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0" name="Oval 9"/>
            <p:cNvSpPr/>
            <p:nvPr/>
          </p:nvSpPr>
          <p:spPr>
            <a:xfrm>
              <a:off x="5469632" y="33185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" name="Oval 11"/>
            <p:cNvSpPr/>
            <p:nvPr/>
          </p:nvSpPr>
          <p:spPr>
            <a:xfrm>
              <a:off x="3239864" y="2134592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8" name="Oval 17"/>
            <p:cNvSpPr/>
            <p:nvPr/>
          </p:nvSpPr>
          <p:spPr>
            <a:xfrm>
              <a:off x="2195736" y="483301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" name="Oval 20"/>
            <p:cNvSpPr/>
            <p:nvPr/>
          </p:nvSpPr>
          <p:spPr>
            <a:xfrm>
              <a:off x="7092032" y="26822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1700064" y="27568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4" name="Oval 23"/>
            <p:cNvSpPr/>
            <p:nvPr/>
          </p:nvSpPr>
          <p:spPr>
            <a:xfrm>
              <a:off x="1592064" y="418509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" name="Oval 12"/>
            <p:cNvSpPr/>
            <p:nvPr/>
          </p:nvSpPr>
          <p:spPr>
            <a:xfrm>
              <a:off x="2663800" y="3248805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6" name="Oval 15"/>
            <p:cNvSpPr/>
            <p:nvPr/>
          </p:nvSpPr>
          <p:spPr>
            <a:xfrm>
              <a:off x="3347864" y="465313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" name="Oval 5"/>
            <p:cNvSpPr/>
            <p:nvPr/>
          </p:nvSpPr>
          <p:spPr>
            <a:xfrm>
              <a:off x="4860032" y="27089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" name="Oval 13"/>
            <p:cNvSpPr/>
            <p:nvPr/>
          </p:nvSpPr>
          <p:spPr>
            <a:xfrm>
              <a:off x="5580112" y="519320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0" name="Oval 19"/>
            <p:cNvSpPr/>
            <p:nvPr/>
          </p:nvSpPr>
          <p:spPr>
            <a:xfrm>
              <a:off x="7272312" y="4623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5" name="Oval 14"/>
            <p:cNvSpPr/>
            <p:nvPr/>
          </p:nvSpPr>
          <p:spPr>
            <a:xfrm>
              <a:off x="6510312" y="3861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92" name="TextBox 291"/>
          <p:cNvSpPr txBox="1"/>
          <p:nvPr/>
        </p:nvSpPr>
        <p:spPr>
          <a:xfrm>
            <a:off x="7761199" y="2825462"/>
            <a:ext cx="4169488" cy="1569660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77800" algn="l"/>
              </a:tabLst>
            </a:pPr>
            <a:r>
              <a:rPr lang="da-DK" sz="2400" b="1" dirty="0"/>
              <a:t>Algoritme</a:t>
            </a:r>
          </a:p>
          <a:p>
            <a:pPr>
              <a:tabLst>
                <a:tab pos="177800" algn="l"/>
              </a:tabLst>
            </a:pPr>
            <a:r>
              <a:rPr lang="da-DK" sz="2000" dirty="0"/>
              <a:t>Konstruer </a:t>
            </a:r>
            <a:r>
              <a:rPr lang="da-DK" sz="2000" b="1" dirty="0" err="1">
                <a:solidFill>
                  <a:srgbClr val="00B050"/>
                </a:solidFill>
              </a:rPr>
              <a:t>Voronoi</a:t>
            </a:r>
            <a:r>
              <a:rPr lang="da-DK" sz="2000" dirty="0">
                <a:solidFill>
                  <a:srgbClr val="00B050"/>
                </a:solidFill>
              </a:rPr>
              <a:t> </a:t>
            </a:r>
            <a:r>
              <a:rPr lang="da-DK" sz="2000" b="1" dirty="0">
                <a:solidFill>
                  <a:srgbClr val="00B050"/>
                </a:solidFill>
              </a:rPr>
              <a:t>diagrammet</a:t>
            </a:r>
          </a:p>
          <a:p>
            <a:pPr>
              <a:tabLst>
                <a:tab pos="177800" algn="l"/>
              </a:tabLst>
            </a:pPr>
            <a:r>
              <a:rPr lang="da-DK" sz="2000" dirty="0"/>
              <a:t>For alle </a:t>
            </a:r>
            <a:r>
              <a:rPr lang="da-DK" sz="2000" b="1" dirty="0">
                <a:solidFill>
                  <a:srgbClr val="00B050"/>
                </a:solidFill>
              </a:rPr>
              <a:t>knuder</a:t>
            </a:r>
            <a:r>
              <a:rPr lang="da-DK" sz="2000" dirty="0">
                <a:solidFill>
                  <a:srgbClr val="00B050"/>
                </a:solidFill>
              </a:rPr>
              <a:t> </a:t>
            </a:r>
            <a:r>
              <a:rPr lang="da-DK" sz="2000" dirty="0"/>
              <a:t>find </a:t>
            </a:r>
            <a:r>
              <a:rPr lang="da-DK" sz="2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radius</a:t>
            </a:r>
            <a:r>
              <a:rPr lang="da-DK" sz="2000" dirty="0"/>
              <a:t> af </a:t>
            </a:r>
            <a:r>
              <a:rPr lang="da-DK" sz="2000" b="1" dirty="0">
                <a:solidFill>
                  <a:srgbClr val="C00000"/>
                </a:solidFill>
              </a:rPr>
              <a:t>cirklen </a:t>
            </a:r>
          </a:p>
          <a:p>
            <a:pPr>
              <a:tabLst>
                <a:tab pos="177800" algn="l"/>
              </a:tabLst>
            </a:pPr>
            <a:r>
              <a:rPr lang="da-DK" sz="2000" dirty="0"/>
              <a:t>Rapporter </a:t>
            </a:r>
            <a:r>
              <a:rPr lang="da-DK" sz="2000" b="1" dirty="0">
                <a:solidFill>
                  <a:srgbClr val="00B050"/>
                </a:solidFill>
              </a:rPr>
              <a:t>knuden</a:t>
            </a:r>
            <a:r>
              <a:rPr lang="da-DK" sz="2000" dirty="0">
                <a:solidFill>
                  <a:srgbClr val="00B050"/>
                </a:solidFill>
              </a:rPr>
              <a:t> </a:t>
            </a:r>
            <a:r>
              <a:rPr lang="da-DK" sz="2000" dirty="0"/>
              <a:t>med størst </a:t>
            </a:r>
            <a:r>
              <a:rPr lang="da-DK" sz="2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radius</a:t>
            </a:r>
          </a:p>
        </p:txBody>
      </p:sp>
      <p:sp>
        <p:nvSpPr>
          <p:cNvPr id="293" name="TextBox 292"/>
          <p:cNvSpPr txBox="1"/>
          <p:nvPr/>
        </p:nvSpPr>
        <p:spPr>
          <a:xfrm>
            <a:off x="2138041" y="6344939"/>
            <a:ext cx="850004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b="1" dirty="0"/>
              <a:t>  </a:t>
            </a:r>
            <a:r>
              <a:rPr lang="da-DK" sz="2400" dirty="0"/>
              <a:t>Antal </a:t>
            </a:r>
            <a:r>
              <a:rPr lang="da-DK" sz="2400" dirty="0" err="1"/>
              <a:t>Voronoi</a:t>
            </a:r>
            <a:r>
              <a:rPr lang="da-DK" sz="2400" dirty="0"/>
              <a:t> </a:t>
            </a:r>
            <a:r>
              <a:rPr lang="da-DK" sz="2400" b="1" dirty="0">
                <a:solidFill>
                  <a:srgbClr val="00B050"/>
                </a:solidFill>
              </a:rPr>
              <a:t>knuder</a:t>
            </a:r>
            <a:r>
              <a:rPr lang="da-DK" sz="2400" dirty="0"/>
              <a:t> ≤ 2 · antal </a:t>
            </a:r>
            <a:r>
              <a:rPr lang="da-DK" sz="2400" b="1" dirty="0"/>
              <a:t>punkter</a:t>
            </a:r>
          </a:p>
        </p:txBody>
      </p:sp>
      <p:sp>
        <p:nvSpPr>
          <p:cNvPr id="73" name="TextBox 72"/>
          <p:cNvSpPr txBox="1"/>
          <p:nvPr/>
        </p:nvSpPr>
        <p:spPr>
          <a:xfrm>
            <a:off x="2716289" y="3425606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chemeClr val="bg1">
                    <a:lumMod val="50000"/>
                  </a:schemeClr>
                </a:solidFill>
              </a:rPr>
              <a:t>r</a:t>
            </a:r>
            <a:endParaRPr lang="da-DK" baseline="-2500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00533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6" grpId="0" animBg="1"/>
      <p:bldP spid="257" grpId="0"/>
      <p:bldP spid="247" grpId="0" animBg="1"/>
      <p:bldP spid="230" grpId="0" animBg="1"/>
      <p:bldP spid="292" grpId="0" animBg="1"/>
      <p:bldP spid="293" grpId="0"/>
      <p:bldP spid="73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29" name="Group 228"/>
          <p:cNvGrpSpPr/>
          <p:nvPr/>
        </p:nvGrpSpPr>
        <p:grpSpPr>
          <a:xfrm>
            <a:off x="2728290" y="1916837"/>
            <a:ext cx="6824094" cy="3287853"/>
            <a:chOff x="700234" y="1916832"/>
            <a:chExt cx="6824094" cy="3287853"/>
          </a:xfrm>
        </p:grpSpPr>
        <p:grpSp>
          <p:nvGrpSpPr>
            <p:cNvPr id="25" name="Group 24"/>
            <p:cNvGrpSpPr/>
            <p:nvPr/>
          </p:nvGrpSpPr>
          <p:grpSpPr>
            <a:xfrm>
              <a:off x="700234" y="1916832"/>
              <a:ext cx="6824094" cy="3287853"/>
              <a:chOff x="455601" y="1920849"/>
              <a:chExt cx="6824094" cy="3287853"/>
            </a:xfrm>
            <a:solidFill>
              <a:schemeClr val="accent2">
                <a:lumMod val="40000"/>
                <a:lumOff val="60000"/>
              </a:schemeClr>
            </a:solidFill>
          </p:grpSpPr>
          <p:sp>
            <p:nvSpPr>
              <p:cNvPr id="79" name="Oval 78"/>
              <p:cNvSpPr/>
              <p:nvPr/>
            </p:nvSpPr>
            <p:spPr>
              <a:xfrm>
                <a:off x="5321647" y="3155988"/>
                <a:ext cx="1958048" cy="1637366"/>
              </a:xfrm>
              <a:prstGeom prst="ellips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22" name="Group 21"/>
              <p:cNvGrpSpPr/>
              <p:nvPr/>
            </p:nvGrpSpPr>
            <p:grpSpPr>
              <a:xfrm>
                <a:off x="455601" y="1920849"/>
                <a:ext cx="6402647" cy="3287853"/>
                <a:chOff x="455601" y="1920849"/>
                <a:chExt cx="6402647" cy="3287853"/>
              </a:xfrm>
              <a:grpFill/>
            </p:grpSpPr>
            <p:sp>
              <p:nvSpPr>
                <p:cNvPr id="19" name="Oval 18"/>
                <p:cNvSpPr/>
                <p:nvPr/>
              </p:nvSpPr>
              <p:spPr>
                <a:xfrm>
                  <a:off x="989043" y="1993764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76" name="Oval 75"/>
                <p:cNvSpPr/>
                <p:nvPr/>
              </p:nvSpPr>
              <p:spPr>
                <a:xfrm>
                  <a:off x="2110602" y="1944237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77" name="Oval 76"/>
                <p:cNvSpPr/>
                <p:nvPr/>
              </p:nvSpPr>
              <p:spPr>
                <a:xfrm>
                  <a:off x="3649163" y="1920849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78" name="Oval 77"/>
                <p:cNvSpPr/>
                <p:nvPr/>
              </p:nvSpPr>
              <p:spPr>
                <a:xfrm>
                  <a:off x="4900200" y="2265883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0" name="Oval 79"/>
                <p:cNvSpPr/>
                <p:nvPr/>
              </p:nvSpPr>
              <p:spPr>
                <a:xfrm>
                  <a:off x="4614980" y="3523130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1" name="Oval 80"/>
                <p:cNvSpPr/>
                <p:nvPr/>
              </p:nvSpPr>
              <p:spPr>
                <a:xfrm>
                  <a:off x="3788356" y="3571336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2" name="Oval 81"/>
                <p:cNvSpPr/>
                <p:nvPr/>
              </p:nvSpPr>
              <p:spPr>
                <a:xfrm>
                  <a:off x="2809332" y="2812447"/>
                  <a:ext cx="2766604" cy="2310888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3" name="Oval 82"/>
                <p:cNvSpPr/>
                <p:nvPr/>
              </p:nvSpPr>
              <p:spPr>
                <a:xfrm>
                  <a:off x="1637115" y="3485969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4" name="Oval 83"/>
                <p:cNvSpPr/>
                <p:nvPr/>
              </p:nvSpPr>
              <p:spPr>
                <a:xfrm>
                  <a:off x="455601" y="2913847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</p:grpSp>
        <p:sp>
          <p:nvSpPr>
            <p:cNvPr id="5" name="Freeform 4"/>
            <p:cNvSpPr/>
            <p:nvPr/>
          </p:nvSpPr>
          <p:spPr>
            <a:xfrm>
              <a:off x="1403350" y="2597150"/>
              <a:ext cx="1905000" cy="1612900"/>
            </a:xfrm>
            <a:custGeom>
              <a:avLst/>
              <a:gdLst>
                <a:gd name="connsiteX0" fmla="*/ 0 w 1905000"/>
                <a:gd name="connsiteY0" fmla="*/ 901700 h 1612900"/>
                <a:gd name="connsiteX1" fmla="*/ 476250 w 1905000"/>
                <a:gd name="connsiteY1" fmla="*/ 0 h 1612900"/>
                <a:gd name="connsiteX2" fmla="*/ 1797050 w 1905000"/>
                <a:gd name="connsiteY2" fmla="*/ 508000 h 1612900"/>
                <a:gd name="connsiteX3" fmla="*/ 1905000 w 1905000"/>
                <a:gd name="connsiteY3" fmla="*/ 965200 h 1612900"/>
                <a:gd name="connsiteX4" fmla="*/ 622300 w 1905000"/>
                <a:gd name="connsiteY4" fmla="*/ 1612900 h 1612900"/>
                <a:gd name="connsiteX5" fmla="*/ 406400 w 1905000"/>
                <a:gd name="connsiteY5" fmla="*/ 1543050 h 1612900"/>
                <a:gd name="connsiteX6" fmla="*/ 0 w 1905000"/>
                <a:gd name="connsiteY6" fmla="*/ 901700 h 16129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905000" h="1612900">
                  <a:moveTo>
                    <a:pt x="0" y="901700"/>
                  </a:moveTo>
                  <a:lnTo>
                    <a:pt x="476250" y="0"/>
                  </a:lnTo>
                  <a:lnTo>
                    <a:pt x="1797050" y="508000"/>
                  </a:lnTo>
                  <a:lnTo>
                    <a:pt x="1905000" y="965200"/>
                  </a:lnTo>
                  <a:lnTo>
                    <a:pt x="622300" y="1612900"/>
                  </a:lnTo>
                  <a:lnTo>
                    <a:pt x="406400" y="1543050"/>
                  </a:lnTo>
                  <a:lnTo>
                    <a:pt x="0" y="901700"/>
                  </a:lnTo>
                  <a:close/>
                </a:path>
              </a:pathLst>
            </a:custGeom>
            <a:solidFill>
              <a:schemeClr val="accent6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" name="Freeform 6"/>
            <p:cNvSpPr/>
            <p:nvPr/>
          </p:nvSpPr>
          <p:spPr>
            <a:xfrm>
              <a:off x="3949700" y="2641600"/>
              <a:ext cx="1752600" cy="1663700"/>
            </a:xfrm>
            <a:custGeom>
              <a:avLst/>
              <a:gdLst>
                <a:gd name="connsiteX0" fmla="*/ 0 w 1752600"/>
                <a:gd name="connsiteY0" fmla="*/ 1219200 h 1663700"/>
                <a:gd name="connsiteX1" fmla="*/ 990600 w 1752600"/>
                <a:gd name="connsiteY1" fmla="*/ 0 h 1663700"/>
                <a:gd name="connsiteX2" fmla="*/ 1644650 w 1752600"/>
                <a:gd name="connsiteY2" fmla="*/ 127000 h 1663700"/>
                <a:gd name="connsiteX3" fmla="*/ 1752600 w 1752600"/>
                <a:gd name="connsiteY3" fmla="*/ 412750 h 1663700"/>
                <a:gd name="connsiteX4" fmla="*/ 1098550 w 1752600"/>
                <a:gd name="connsiteY4" fmla="*/ 1663700 h 1663700"/>
                <a:gd name="connsiteX5" fmla="*/ 527050 w 1752600"/>
                <a:gd name="connsiteY5" fmla="*/ 1663700 h 1663700"/>
                <a:gd name="connsiteX6" fmla="*/ 0 w 1752600"/>
                <a:gd name="connsiteY6" fmla="*/ 1219200 h 1663700"/>
                <a:gd name="connsiteX0" fmla="*/ 0 w 1752600"/>
                <a:gd name="connsiteY0" fmla="*/ 1219200 h 1663700"/>
                <a:gd name="connsiteX1" fmla="*/ 990600 w 1752600"/>
                <a:gd name="connsiteY1" fmla="*/ 0 h 1663700"/>
                <a:gd name="connsiteX2" fmla="*/ 1644650 w 1752600"/>
                <a:gd name="connsiteY2" fmla="*/ 127000 h 1663700"/>
                <a:gd name="connsiteX3" fmla="*/ 1752600 w 1752600"/>
                <a:gd name="connsiteY3" fmla="*/ 412750 h 1663700"/>
                <a:gd name="connsiteX4" fmla="*/ 1079500 w 1752600"/>
                <a:gd name="connsiteY4" fmla="*/ 1649413 h 1663700"/>
                <a:gd name="connsiteX5" fmla="*/ 527050 w 1752600"/>
                <a:gd name="connsiteY5" fmla="*/ 1663700 h 1663700"/>
                <a:gd name="connsiteX6" fmla="*/ 0 w 1752600"/>
                <a:gd name="connsiteY6" fmla="*/ 1219200 h 16637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752600" h="1663700">
                  <a:moveTo>
                    <a:pt x="0" y="1219200"/>
                  </a:moveTo>
                  <a:lnTo>
                    <a:pt x="990600" y="0"/>
                  </a:lnTo>
                  <a:lnTo>
                    <a:pt x="1644650" y="127000"/>
                  </a:lnTo>
                  <a:lnTo>
                    <a:pt x="1752600" y="412750"/>
                  </a:lnTo>
                  <a:lnTo>
                    <a:pt x="1079500" y="1649413"/>
                  </a:lnTo>
                  <a:lnTo>
                    <a:pt x="527050" y="1663700"/>
                  </a:lnTo>
                  <a:lnTo>
                    <a:pt x="0" y="1219200"/>
                  </a:lnTo>
                  <a:close/>
                </a:path>
              </a:pathLst>
            </a:cu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Freeform 10"/>
            <p:cNvSpPr/>
            <p:nvPr/>
          </p:nvSpPr>
          <p:spPr>
            <a:xfrm>
              <a:off x="5051424" y="3073400"/>
              <a:ext cx="1762125" cy="1727200"/>
            </a:xfrm>
            <a:custGeom>
              <a:avLst/>
              <a:gdLst>
                <a:gd name="connsiteX0" fmla="*/ 736600 w 1752600"/>
                <a:gd name="connsiteY0" fmla="*/ 1727200 h 1727200"/>
                <a:gd name="connsiteX1" fmla="*/ 1752600 w 1752600"/>
                <a:gd name="connsiteY1" fmla="*/ 590550 h 1727200"/>
                <a:gd name="connsiteX2" fmla="*/ 654050 w 1752600"/>
                <a:gd name="connsiteY2" fmla="*/ 0 h 1727200"/>
                <a:gd name="connsiteX3" fmla="*/ 0 w 1752600"/>
                <a:gd name="connsiteY3" fmla="*/ 1257300 h 1727200"/>
                <a:gd name="connsiteX4" fmla="*/ 736600 w 1752600"/>
                <a:gd name="connsiteY4" fmla="*/ 1727200 h 1727200"/>
                <a:gd name="connsiteX0" fmla="*/ 746125 w 1762125"/>
                <a:gd name="connsiteY0" fmla="*/ 1727200 h 1727200"/>
                <a:gd name="connsiteX1" fmla="*/ 1762125 w 1762125"/>
                <a:gd name="connsiteY1" fmla="*/ 590550 h 1727200"/>
                <a:gd name="connsiteX2" fmla="*/ 663575 w 1762125"/>
                <a:gd name="connsiteY2" fmla="*/ 0 h 1727200"/>
                <a:gd name="connsiteX3" fmla="*/ 0 w 1762125"/>
                <a:gd name="connsiteY3" fmla="*/ 1228725 h 1727200"/>
                <a:gd name="connsiteX4" fmla="*/ 746125 w 1762125"/>
                <a:gd name="connsiteY4" fmla="*/ 1727200 h 17272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2125" h="1727200">
                  <a:moveTo>
                    <a:pt x="746125" y="1727200"/>
                  </a:moveTo>
                  <a:lnTo>
                    <a:pt x="1762125" y="590550"/>
                  </a:lnTo>
                  <a:lnTo>
                    <a:pt x="663575" y="0"/>
                  </a:lnTo>
                  <a:lnTo>
                    <a:pt x="0" y="1228725"/>
                  </a:lnTo>
                  <a:lnTo>
                    <a:pt x="746125" y="1727200"/>
                  </a:lnTo>
                  <a:close/>
                </a:path>
              </a:pathLst>
            </a:cu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cxnSp>
        <p:nvCxnSpPr>
          <p:cNvPr id="110" name="Straight Connector 109"/>
          <p:cNvCxnSpPr/>
          <p:nvPr/>
        </p:nvCxnSpPr>
        <p:spPr>
          <a:xfrm flipH="1" flipV="1">
            <a:off x="3431704" y="3501008"/>
            <a:ext cx="391402" cy="644426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Straight Connector 111"/>
          <p:cNvCxnSpPr/>
          <p:nvPr/>
        </p:nvCxnSpPr>
        <p:spPr>
          <a:xfrm flipH="1">
            <a:off x="3431704" y="2587912"/>
            <a:ext cx="466934" cy="913096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Straight Connector 120"/>
          <p:cNvCxnSpPr/>
          <p:nvPr/>
        </p:nvCxnSpPr>
        <p:spPr>
          <a:xfrm>
            <a:off x="3823111" y="4149080"/>
            <a:ext cx="230277" cy="8643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Straight Connector 122"/>
          <p:cNvCxnSpPr/>
          <p:nvPr/>
        </p:nvCxnSpPr>
        <p:spPr>
          <a:xfrm flipV="1">
            <a:off x="4043789" y="3571341"/>
            <a:ext cx="1288189" cy="664175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Straight Connector 131"/>
          <p:cNvCxnSpPr/>
          <p:nvPr/>
        </p:nvCxnSpPr>
        <p:spPr>
          <a:xfrm flipV="1">
            <a:off x="7825156" y="3682066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Straight Connector 143"/>
          <p:cNvCxnSpPr/>
          <p:nvPr/>
        </p:nvCxnSpPr>
        <p:spPr>
          <a:xfrm flipH="1" flipV="1">
            <a:off x="7068096" y="4304652"/>
            <a:ext cx="757056" cy="49312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Straight Connector 148"/>
          <p:cNvCxnSpPr/>
          <p:nvPr/>
        </p:nvCxnSpPr>
        <p:spPr>
          <a:xfrm flipH="1" flipV="1">
            <a:off x="7739248" y="3059480"/>
            <a:ext cx="1093056" cy="60797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Straight Connector 150"/>
          <p:cNvCxnSpPr/>
          <p:nvPr/>
        </p:nvCxnSpPr>
        <p:spPr>
          <a:xfrm flipH="1" flipV="1">
            <a:off x="7612879" y="2756848"/>
            <a:ext cx="126373" cy="30263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Straight Connector 154"/>
          <p:cNvCxnSpPr/>
          <p:nvPr/>
        </p:nvCxnSpPr>
        <p:spPr>
          <a:xfrm flipV="1">
            <a:off x="7068096" y="3059480"/>
            <a:ext cx="671150" cy="124517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Straight Connector 163"/>
          <p:cNvCxnSpPr/>
          <p:nvPr/>
        </p:nvCxnSpPr>
        <p:spPr>
          <a:xfrm flipH="1">
            <a:off x="6508162" y="4304652"/>
            <a:ext cx="561292" cy="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Straight Connector 172"/>
          <p:cNvCxnSpPr/>
          <p:nvPr/>
        </p:nvCxnSpPr>
        <p:spPr>
          <a:xfrm flipH="1" flipV="1">
            <a:off x="5981788" y="3861053"/>
            <a:ext cx="526379" cy="443607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Straight Connector 176"/>
          <p:cNvCxnSpPr/>
          <p:nvPr/>
        </p:nvCxnSpPr>
        <p:spPr>
          <a:xfrm flipH="1">
            <a:off x="5981783" y="2631248"/>
            <a:ext cx="978316" cy="122980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Straight Connector 183"/>
          <p:cNvCxnSpPr/>
          <p:nvPr/>
        </p:nvCxnSpPr>
        <p:spPr>
          <a:xfrm>
            <a:off x="6960096" y="2631248"/>
            <a:ext cx="652778" cy="12560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Straight Connector 199"/>
          <p:cNvCxnSpPr/>
          <p:nvPr/>
        </p:nvCxnSpPr>
        <p:spPr>
          <a:xfrm>
            <a:off x="3898642" y="2587912"/>
            <a:ext cx="1337439" cy="513428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Straight Connector 210"/>
          <p:cNvCxnSpPr/>
          <p:nvPr/>
        </p:nvCxnSpPr>
        <p:spPr>
          <a:xfrm>
            <a:off x="5236076" y="3101340"/>
            <a:ext cx="106984" cy="47579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Straight Connector 218"/>
          <p:cNvCxnSpPr/>
          <p:nvPr/>
        </p:nvCxnSpPr>
        <p:spPr>
          <a:xfrm>
            <a:off x="5343060" y="3571341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Straight Connector 223"/>
          <p:cNvCxnSpPr/>
          <p:nvPr/>
        </p:nvCxnSpPr>
        <p:spPr>
          <a:xfrm>
            <a:off x="5591949" y="3763566"/>
            <a:ext cx="389839" cy="9748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90" name="Group 289"/>
          <p:cNvGrpSpPr/>
          <p:nvPr/>
        </p:nvGrpSpPr>
        <p:grpSpPr>
          <a:xfrm>
            <a:off x="3383756" y="2536805"/>
            <a:ext cx="5502548" cy="2320619"/>
            <a:chOff x="1355700" y="2536800"/>
            <a:chExt cx="5502548" cy="2320619"/>
          </a:xfrm>
        </p:grpSpPr>
        <p:sp>
          <p:nvSpPr>
            <p:cNvPr id="267" name="Oval 266"/>
            <p:cNvSpPr/>
            <p:nvPr/>
          </p:nvSpPr>
          <p:spPr>
            <a:xfrm>
              <a:off x="1971327" y="4163553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8" name="Oval 267"/>
            <p:cNvSpPr/>
            <p:nvPr/>
          </p:nvSpPr>
          <p:spPr>
            <a:xfrm>
              <a:off x="1741050" y="409143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9" name="Oval 268"/>
            <p:cNvSpPr/>
            <p:nvPr/>
          </p:nvSpPr>
          <p:spPr>
            <a:xfrm>
              <a:off x="4418684" y="4250842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0" name="Oval 269"/>
            <p:cNvSpPr/>
            <p:nvPr/>
          </p:nvSpPr>
          <p:spPr>
            <a:xfrm>
              <a:off x="4990191" y="425255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1" name="Oval 270"/>
            <p:cNvSpPr/>
            <p:nvPr/>
          </p:nvSpPr>
          <p:spPr>
            <a:xfrm>
              <a:off x="1355700" y="345021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2" name="Oval 271"/>
            <p:cNvSpPr/>
            <p:nvPr/>
          </p:nvSpPr>
          <p:spPr>
            <a:xfrm>
              <a:off x="1816582" y="25368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3" name="Oval 272"/>
            <p:cNvSpPr/>
            <p:nvPr/>
          </p:nvSpPr>
          <p:spPr>
            <a:xfrm>
              <a:off x="3509888" y="3717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4" name="Oval 273"/>
            <p:cNvSpPr/>
            <p:nvPr/>
          </p:nvSpPr>
          <p:spPr>
            <a:xfrm>
              <a:off x="3899728" y="381239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5" name="Oval 274"/>
            <p:cNvSpPr/>
            <p:nvPr/>
          </p:nvSpPr>
          <p:spPr>
            <a:xfrm>
              <a:off x="5743095" y="4749419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6" name="Oval 275"/>
            <p:cNvSpPr/>
            <p:nvPr/>
          </p:nvSpPr>
          <p:spPr>
            <a:xfrm>
              <a:off x="5648004" y="300548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7" name="Oval 276"/>
            <p:cNvSpPr/>
            <p:nvPr/>
          </p:nvSpPr>
          <p:spPr>
            <a:xfrm>
              <a:off x="5540004" y="270892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8" name="Oval 277"/>
            <p:cNvSpPr/>
            <p:nvPr/>
          </p:nvSpPr>
          <p:spPr>
            <a:xfrm>
              <a:off x="4875560" y="257922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9" name="Oval 278"/>
            <p:cNvSpPr/>
            <p:nvPr/>
          </p:nvSpPr>
          <p:spPr>
            <a:xfrm>
              <a:off x="3153512" y="30384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8" name="Oval 287"/>
            <p:cNvSpPr/>
            <p:nvPr/>
          </p:nvSpPr>
          <p:spPr>
            <a:xfrm>
              <a:off x="6750248" y="361985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47" name="Oval 246"/>
          <p:cNvSpPr/>
          <p:nvPr/>
        </p:nvSpPr>
        <p:spPr>
          <a:xfrm>
            <a:off x="5279426" y="3523130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>
                <a:solidFill>
                  <a:srgbClr val="C00000"/>
                </a:solidFill>
              </a:rPr>
              <a:t>Graf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2275467" y="5509117"/>
            <a:ext cx="846539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rgbClr val="C00000"/>
                </a:solidFill>
              </a:rPr>
              <a:t>Euler’s </a:t>
            </a:r>
            <a:r>
              <a:rPr lang="en-US" sz="2400" b="1" dirty="0" err="1">
                <a:solidFill>
                  <a:srgbClr val="C00000"/>
                </a:solidFill>
              </a:rPr>
              <a:t>Sætning</a:t>
            </a:r>
            <a:r>
              <a:rPr lang="en-US" sz="2400" b="1" dirty="0">
                <a:solidFill>
                  <a:srgbClr val="C00000"/>
                </a:solidFill>
              </a:rPr>
              <a:t> </a:t>
            </a:r>
            <a:r>
              <a:rPr lang="en-US" sz="2400" dirty="0"/>
              <a:t>: # </a:t>
            </a:r>
            <a:r>
              <a:rPr lang="en-US" sz="2400" dirty="0" err="1"/>
              <a:t>knuder</a:t>
            </a:r>
            <a:r>
              <a:rPr lang="en-US" sz="2400" dirty="0"/>
              <a:t> + # </a:t>
            </a:r>
            <a:r>
              <a:rPr lang="en-US" sz="2400" dirty="0" err="1"/>
              <a:t>flader</a:t>
            </a:r>
            <a:r>
              <a:rPr lang="en-US" sz="2400" dirty="0"/>
              <a:t> - # </a:t>
            </a:r>
            <a:r>
              <a:rPr lang="en-US" sz="2400" dirty="0" err="1"/>
              <a:t>kanter</a:t>
            </a:r>
            <a:r>
              <a:rPr lang="en-US" sz="2400" dirty="0"/>
              <a:t> = 2 </a:t>
            </a:r>
          </a:p>
          <a:p>
            <a:r>
              <a:rPr lang="en-US" sz="2000" dirty="0"/>
              <a:t>                                               15       +         4        -          17      =  2</a:t>
            </a:r>
            <a:br>
              <a:rPr lang="en-US" sz="2000" dirty="0"/>
            </a:br>
            <a:r>
              <a:rPr lang="en-US" sz="2000" dirty="0"/>
              <a:t>(</a:t>
            </a:r>
            <a:r>
              <a:rPr lang="en-US" sz="2000" dirty="0" err="1"/>
              <a:t>gælder</a:t>
            </a:r>
            <a:r>
              <a:rPr lang="en-US" sz="2000" dirty="0"/>
              <a:t> for </a:t>
            </a:r>
            <a:r>
              <a:rPr lang="en-US" sz="2000" dirty="0" err="1"/>
              <a:t>sammenhængende</a:t>
            </a:r>
            <a:r>
              <a:rPr lang="en-US" sz="2000" dirty="0"/>
              <a:t> </a:t>
            </a:r>
            <a:r>
              <a:rPr lang="en-US" sz="2000" dirty="0" err="1"/>
              <a:t>grafer</a:t>
            </a:r>
            <a:r>
              <a:rPr lang="en-US" sz="2000" dirty="0"/>
              <a:t> der </a:t>
            </a:r>
            <a:r>
              <a:rPr lang="en-US" sz="2000" dirty="0" err="1"/>
              <a:t>kan</a:t>
            </a:r>
            <a:r>
              <a:rPr lang="en-US" sz="2000" dirty="0"/>
              <a:t> </a:t>
            </a:r>
            <a:r>
              <a:rPr lang="en-US" sz="2000" dirty="0" err="1"/>
              <a:t>tegnes</a:t>
            </a:r>
            <a:r>
              <a:rPr lang="en-US" sz="2000" dirty="0"/>
              <a:t> </a:t>
            </a:r>
            <a:r>
              <a:rPr lang="en-US" sz="2000" dirty="0" err="1"/>
              <a:t>uden</a:t>
            </a:r>
            <a:r>
              <a:rPr lang="en-US" sz="2000" dirty="0"/>
              <a:t> </a:t>
            </a:r>
            <a:r>
              <a:rPr lang="en-US" sz="2000" dirty="0" err="1"/>
              <a:t>krydsende</a:t>
            </a:r>
            <a:r>
              <a:rPr lang="en-US" sz="2000" dirty="0"/>
              <a:t> </a:t>
            </a:r>
            <a:r>
              <a:rPr lang="en-US" sz="2000" dirty="0" err="1"/>
              <a:t>kanter</a:t>
            </a:r>
            <a:r>
              <a:rPr lang="en-US" sz="2000" dirty="0"/>
              <a:t>)</a:t>
            </a:r>
          </a:p>
        </p:txBody>
      </p:sp>
      <p:grpSp>
        <p:nvGrpSpPr>
          <p:cNvPr id="232" name="Group 231"/>
          <p:cNvGrpSpPr/>
          <p:nvPr/>
        </p:nvGrpSpPr>
        <p:grpSpPr>
          <a:xfrm>
            <a:off x="2782860" y="1556797"/>
            <a:ext cx="1030013" cy="946609"/>
            <a:chOff x="754799" y="1556792"/>
            <a:chExt cx="1030013" cy="946609"/>
          </a:xfrm>
        </p:grpSpPr>
        <p:cxnSp>
          <p:nvCxnSpPr>
            <p:cNvPr id="30" name="Straight Arrow Connector 29"/>
            <p:cNvCxnSpPr/>
            <p:nvPr/>
          </p:nvCxnSpPr>
          <p:spPr>
            <a:xfrm>
              <a:off x="1355700" y="1916832"/>
              <a:ext cx="429112" cy="586569"/>
            </a:xfrm>
            <a:prstGeom prst="straightConnector1">
              <a:avLst/>
            </a:prstGeom>
            <a:ln w="38100">
              <a:solidFill>
                <a:srgbClr val="C00000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6" name="TextBox 225"/>
            <p:cNvSpPr txBox="1"/>
            <p:nvPr/>
          </p:nvSpPr>
          <p:spPr>
            <a:xfrm>
              <a:off x="754799" y="1556792"/>
              <a:ext cx="936881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000" err="1">
                  <a:solidFill>
                    <a:srgbClr val="C00000"/>
                  </a:solidFill>
                </a:rPr>
                <a:t>knude</a:t>
              </a:r>
              <a:endParaRPr lang="en-US" sz="2000">
                <a:solidFill>
                  <a:srgbClr val="C00000"/>
                </a:solidFill>
              </a:endParaRPr>
            </a:p>
          </p:txBody>
        </p:sp>
      </p:grpSp>
      <p:grpSp>
        <p:nvGrpSpPr>
          <p:cNvPr id="233" name="Group 232"/>
          <p:cNvGrpSpPr/>
          <p:nvPr/>
        </p:nvGrpSpPr>
        <p:grpSpPr>
          <a:xfrm>
            <a:off x="2155406" y="2092786"/>
            <a:ext cx="1442906" cy="945614"/>
            <a:chOff x="127350" y="2092786"/>
            <a:chExt cx="1442906" cy="945614"/>
          </a:xfrm>
        </p:grpSpPr>
        <p:cxnSp>
          <p:nvCxnSpPr>
            <p:cNvPr id="95" name="Straight Arrow Connector 94"/>
            <p:cNvCxnSpPr/>
            <p:nvPr/>
          </p:nvCxnSpPr>
          <p:spPr>
            <a:xfrm>
              <a:off x="827584" y="2451831"/>
              <a:ext cx="742672" cy="586569"/>
            </a:xfrm>
            <a:prstGeom prst="straightConnector1">
              <a:avLst/>
            </a:prstGeom>
            <a:ln w="38100">
              <a:solidFill>
                <a:srgbClr val="C00000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6" name="TextBox 95"/>
            <p:cNvSpPr txBox="1"/>
            <p:nvPr/>
          </p:nvSpPr>
          <p:spPr>
            <a:xfrm>
              <a:off x="127350" y="2092786"/>
              <a:ext cx="700234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2000" err="1">
                  <a:solidFill>
                    <a:srgbClr val="C00000"/>
                  </a:solidFill>
                </a:rPr>
                <a:t>kant</a:t>
              </a:r>
              <a:endParaRPr lang="en-US" sz="2000">
                <a:solidFill>
                  <a:srgbClr val="C00000"/>
                </a:solidFill>
              </a:endParaRPr>
            </a:p>
          </p:txBody>
        </p:sp>
      </p:grpSp>
      <p:grpSp>
        <p:nvGrpSpPr>
          <p:cNvPr id="234" name="Group 233"/>
          <p:cNvGrpSpPr/>
          <p:nvPr/>
        </p:nvGrpSpPr>
        <p:grpSpPr>
          <a:xfrm>
            <a:off x="2063552" y="3554198"/>
            <a:ext cx="1874692" cy="1314962"/>
            <a:chOff x="35496" y="3554198"/>
            <a:chExt cx="1874692" cy="1314962"/>
          </a:xfrm>
        </p:grpSpPr>
        <p:cxnSp>
          <p:nvCxnSpPr>
            <p:cNvPr id="97" name="Straight Arrow Connector 96"/>
            <p:cNvCxnSpPr/>
            <p:nvPr/>
          </p:nvCxnSpPr>
          <p:spPr>
            <a:xfrm flipV="1">
              <a:off x="754799" y="3554198"/>
              <a:ext cx="1155389" cy="992998"/>
            </a:xfrm>
            <a:prstGeom prst="straightConnector1">
              <a:avLst/>
            </a:prstGeom>
            <a:ln w="38100">
              <a:solidFill>
                <a:srgbClr val="C00000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0" name="TextBox 99"/>
            <p:cNvSpPr txBox="1"/>
            <p:nvPr/>
          </p:nvSpPr>
          <p:spPr>
            <a:xfrm>
              <a:off x="35496" y="4469050"/>
              <a:ext cx="916257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2000" err="1">
                  <a:solidFill>
                    <a:srgbClr val="C00000"/>
                  </a:solidFill>
                </a:rPr>
                <a:t>flade</a:t>
              </a:r>
              <a:endParaRPr lang="en-US" sz="2000">
                <a:solidFill>
                  <a:srgbClr val="C00000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187586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684" t="22097" r="6884" b="8830"/>
          <a:stretch/>
        </p:blipFill>
        <p:spPr bwMode="auto">
          <a:xfrm>
            <a:off x="-300372" y="-17240"/>
            <a:ext cx="12874198" cy="690262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491924CD-4C54-49DA-877F-61D8E2962AF4}"/>
              </a:ext>
            </a:extLst>
          </p:cNvPr>
          <p:cNvSpPr/>
          <p:nvPr/>
        </p:nvSpPr>
        <p:spPr>
          <a:xfrm>
            <a:off x="-372380" y="-156096"/>
            <a:ext cx="12936760" cy="7029400"/>
          </a:xfrm>
          <a:prstGeom prst="rect">
            <a:avLst/>
          </a:prstGeom>
          <a:solidFill>
            <a:srgbClr val="FFFFFF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dirty="0"/>
          </a:p>
        </p:txBody>
      </p:sp>
      <p:grpSp>
        <p:nvGrpSpPr>
          <p:cNvPr id="67" name="Group 66"/>
          <p:cNvGrpSpPr/>
          <p:nvPr/>
        </p:nvGrpSpPr>
        <p:grpSpPr>
          <a:xfrm>
            <a:off x="2597950" y="216024"/>
            <a:ext cx="8460940" cy="5544616"/>
            <a:chOff x="269522" y="260648"/>
            <a:chExt cx="8460940" cy="5544616"/>
          </a:xfrm>
        </p:grpSpPr>
        <p:cxnSp>
          <p:nvCxnSpPr>
            <p:cNvPr id="22" name="Straight Connector 21"/>
            <p:cNvCxnSpPr/>
            <p:nvPr/>
          </p:nvCxnSpPr>
          <p:spPr>
            <a:xfrm>
              <a:off x="2303748" y="340615"/>
              <a:ext cx="1350150" cy="784129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/>
            <p:cNvCxnSpPr/>
            <p:nvPr/>
          </p:nvCxnSpPr>
          <p:spPr>
            <a:xfrm>
              <a:off x="3653898" y="1124744"/>
              <a:ext cx="1512168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/>
            <p:cNvCxnSpPr/>
            <p:nvPr/>
          </p:nvCxnSpPr>
          <p:spPr>
            <a:xfrm>
              <a:off x="5166066" y="1988840"/>
              <a:ext cx="1260140" cy="72008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/>
            <p:cNvCxnSpPr/>
            <p:nvPr/>
          </p:nvCxnSpPr>
          <p:spPr>
            <a:xfrm flipV="1">
              <a:off x="5166066" y="260648"/>
              <a:ext cx="1044116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/>
            <p:cNvCxnSpPr/>
            <p:nvPr/>
          </p:nvCxnSpPr>
          <p:spPr>
            <a:xfrm>
              <a:off x="6426206" y="2708920"/>
              <a:ext cx="2304256" cy="108012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/>
            <p:cNvCxnSpPr/>
            <p:nvPr/>
          </p:nvCxnSpPr>
          <p:spPr>
            <a:xfrm flipH="1">
              <a:off x="7398314" y="3789040"/>
              <a:ext cx="1332148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Connector 34"/>
            <p:cNvCxnSpPr/>
            <p:nvPr/>
          </p:nvCxnSpPr>
          <p:spPr>
            <a:xfrm flipH="1" flipV="1">
              <a:off x="5094058" y="4005064"/>
              <a:ext cx="2304256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/>
            <p:cNvCxnSpPr/>
            <p:nvPr/>
          </p:nvCxnSpPr>
          <p:spPr>
            <a:xfrm flipV="1">
              <a:off x="5094058" y="2708920"/>
              <a:ext cx="1332148" cy="129614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Straight Connector 38"/>
            <p:cNvCxnSpPr/>
            <p:nvPr/>
          </p:nvCxnSpPr>
          <p:spPr>
            <a:xfrm flipH="1" flipV="1">
              <a:off x="2537774" y="1988840"/>
              <a:ext cx="2556284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40"/>
            <p:cNvCxnSpPr/>
            <p:nvPr/>
          </p:nvCxnSpPr>
          <p:spPr>
            <a:xfrm flipH="1" flipV="1">
              <a:off x="485546" y="908720"/>
              <a:ext cx="972108" cy="187220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Straight Connector 42"/>
            <p:cNvCxnSpPr/>
            <p:nvPr/>
          </p:nvCxnSpPr>
          <p:spPr>
            <a:xfrm flipV="1">
              <a:off x="485546" y="340615"/>
              <a:ext cx="1872208" cy="568105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Straight Connector 44"/>
            <p:cNvCxnSpPr/>
            <p:nvPr/>
          </p:nvCxnSpPr>
          <p:spPr>
            <a:xfrm>
              <a:off x="1421650" y="2780928"/>
              <a:ext cx="936104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Straight Connector 46"/>
            <p:cNvCxnSpPr/>
            <p:nvPr/>
          </p:nvCxnSpPr>
          <p:spPr>
            <a:xfrm>
              <a:off x="2357754" y="4581128"/>
              <a:ext cx="720080" cy="100811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Straight Connector 48"/>
            <p:cNvCxnSpPr/>
            <p:nvPr/>
          </p:nvCxnSpPr>
          <p:spPr>
            <a:xfrm flipV="1">
              <a:off x="3077834" y="4005064"/>
              <a:ext cx="2016224" cy="158417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Straight Connector 50"/>
            <p:cNvCxnSpPr/>
            <p:nvPr/>
          </p:nvCxnSpPr>
          <p:spPr>
            <a:xfrm flipH="1">
              <a:off x="701570" y="4581128"/>
              <a:ext cx="1656184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Straight Connector 52"/>
            <p:cNvCxnSpPr/>
            <p:nvPr/>
          </p:nvCxnSpPr>
          <p:spPr>
            <a:xfrm flipH="1" flipV="1">
              <a:off x="269522" y="3645024"/>
              <a:ext cx="423047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/>
            <p:cNvCxnSpPr/>
            <p:nvPr/>
          </p:nvCxnSpPr>
          <p:spPr>
            <a:xfrm flipV="1">
              <a:off x="269522" y="2780928"/>
              <a:ext cx="1188132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Straight Connector 60"/>
            <p:cNvCxnSpPr/>
            <p:nvPr/>
          </p:nvCxnSpPr>
          <p:spPr>
            <a:xfrm flipV="1">
              <a:off x="2537774" y="1124744"/>
              <a:ext cx="1116124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/>
            <p:cNvCxnSpPr/>
            <p:nvPr/>
          </p:nvCxnSpPr>
          <p:spPr>
            <a:xfrm flipV="1">
              <a:off x="1457654" y="1988840"/>
              <a:ext cx="1080120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8" name="Isosceles Triangle 67"/>
          <p:cNvSpPr/>
          <p:nvPr/>
        </p:nvSpPr>
        <p:spPr>
          <a:xfrm rot="18694389">
            <a:off x="4834866" y="1875594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Isosceles Triangle 68"/>
          <p:cNvSpPr/>
          <p:nvPr/>
        </p:nvSpPr>
        <p:spPr>
          <a:xfrm rot="18694389">
            <a:off x="7411042" y="3901681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50" name="Picture 2" descr="http://img.e-vaerktoej.dk/564004192.jpg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26" t="37876" r="9943" b="37737"/>
          <a:stretch/>
        </p:blipFill>
        <p:spPr bwMode="auto">
          <a:xfrm rot="2280000">
            <a:off x="5805436" y="2597330"/>
            <a:ext cx="1231576" cy="3757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0" name="TextBox 69"/>
          <p:cNvSpPr txBox="1"/>
          <p:nvPr/>
        </p:nvSpPr>
        <p:spPr>
          <a:xfrm>
            <a:off x="2248220" y="5885492"/>
            <a:ext cx="885596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err="1">
                <a:solidFill>
                  <a:srgbClr val="C00000"/>
                </a:solidFill>
              </a:rPr>
              <a:t>Eksempel</a:t>
            </a:r>
            <a:r>
              <a:rPr lang="en-US" sz="2800" b="1">
                <a:solidFill>
                  <a:srgbClr val="C00000"/>
                </a:solidFill>
              </a:rPr>
              <a:t>: Find (</a:t>
            </a:r>
            <a:r>
              <a:rPr lang="en-US" sz="2800" b="1" err="1">
                <a:solidFill>
                  <a:srgbClr val="C00000"/>
                </a:solidFill>
              </a:rPr>
              <a:t>korteste</a:t>
            </a:r>
            <a:r>
              <a:rPr lang="en-US" sz="2800" b="1">
                <a:solidFill>
                  <a:srgbClr val="C00000"/>
                </a:solidFill>
              </a:rPr>
              <a:t>) </a:t>
            </a:r>
            <a:r>
              <a:rPr lang="en-US" sz="2800" b="1" err="1">
                <a:solidFill>
                  <a:srgbClr val="C00000"/>
                </a:solidFill>
              </a:rPr>
              <a:t>veje</a:t>
            </a:r>
            <a:r>
              <a:rPr lang="en-US" sz="2800" b="1">
                <a:solidFill>
                  <a:srgbClr val="C00000"/>
                </a:solidFill>
              </a:rPr>
              <a:t> </a:t>
            </a:r>
            <a:r>
              <a:rPr lang="en-US" sz="2800" b="1" err="1">
                <a:solidFill>
                  <a:srgbClr val="C00000"/>
                </a:solidFill>
              </a:rPr>
              <a:t>fra</a:t>
            </a:r>
            <a:r>
              <a:rPr lang="en-US" sz="2800" b="1">
                <a:solidFill>
                  <a:srgbClr val="C00000"/>
                </a:solidFill>
              </a:rPr>
              <a:t> A </a:t>
            </a:r>
            <a:r>
              <a:rPr lang="en-US" sz="2800" b="1" err="1">
                <a:solidFill>
                  <a:srgbClr val="C00000"/>
                </a:solidFill>
              </a:rPr>
              <a:t>til</a:t>
            </a:r>
            <a:r>
              <a:rPr lang="en-US" sz="2800" b="1">
                <a:solidFill>
                  <a:srgbClr val="C00000"/>
                </a:solidFill>
              </a:rPr>
              <a:t> B </a:t>
            </a:r>
            <a:r>
              <a:rPr lang="en-US" sz="2800" b="1" err="1">
                <a:solidFill>
                  <a:srgbClr val="C00000"/>
                </a:solidFill>
              </a:rPr>
              <a:t>i</a:t>
            </a:r>
            <a:r>
              <a:rPr lang="en-US" sz="2800" b="1">
                <a:solidFill>
                  <a:srgbClr val="C00000"/>
                </a:solidFill>
              </a:rPr>
              <a:t> en </a:t>
            </a:r>
            <a:r>
              <a:rPr lang="en-US" sz="2800" b="1" err="1">
                <a:solidFill>
                  <a:srgbClr val="C00000"/>
                </a:solidFill>
              </a:rPr>
              <a:t>graf</a:t>
            </a:r>
            <a:endParaRPr lang="en-US" sz="2800" b="1">
              <a:solidFill>
                <a:srgbClr val="C00000"/>
              </a:solidFill>
            </a:endParaRPr>
          </a:p>
        </p:txBody>
      </p:sp>
      <p:sp>
        <p:nvSpPr>
          <p:cNvPr id="72" name="TextBox 71"/>
          <p:cNvSpPr txBox="1"/>
          <p:nvPr/>
        </p:nvSpPr>
        <p:spPr>
          <a:xfrm>
            <a:off x="10858612" y="3168352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>
                <a:solidFill>
                  <a:srgbClr val="C00000"/>
                </a:solidFill>
              </a:rPr>
              <a:t>A</a:t>
            </a:r>
          </a:p>
        </p:txBody>
      </p:sp>
      <p:sp>
        <p:nvSpPr>
          <p:cNvPr id="73" name="TextBox 72"/>
          <p:cNvSpPr txBox="1"/>
          <p:nvPr/>
        </p:nvSpPr>
        <p:spPr>
          <a:xfrm>
            <a:off x="2391220" y="3024336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>
                <a:solidFill>
                  <a:srgbClr val="C00000"/>
                </a:solidFill>
              </a:rPr>
              <a:t>B</a:t>
            </a:r>
          </a:p>
        </p:txBody>
      </p:sp>
      <p:sp>
        <p:nvSpPr>
          <p:cNvPr id="75" name="TextBox 74"/>
          <p:cNvSpPr txBox="1"/>
          <p:nvPr/>
        </p:nvSpPr>
        <p:spPr>
          <a:xfrm>
            <a:off x="3831380" y="6317540"/>
            <a:ext cx="705565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 err="1">
                <a:solidFill>
                  <a:srgbClr val="C00000"/>
                </a:solidFill>
              </a:rPr>
              <a:t>Findes</a:t>
            </a:r>
            <a:r>
              <a:rPr lang="en-US" sz="2800" b="1" dirty="0">
                <a:solidFill>
                  <a:srgbClr val="C00000"/>
                </a:solidFill>
              </a:rPr>
              <a:t> der to </a:t>
            </a:r>
            <a:r>
              <a:rPr lang="en-US" sz="2800" b="1" dirty="0" err="1">
                <a:solidFill>
                  <a:srgbClr val="C00000"/>
                </a:solidFill>
              </a:rPr>
              <a:t>kant-disjunkte</a:t>
            </a:r>
            <a:r>
              <a:rPr lang="en-US" sz="2800" b="1" dirty="0">
                <a:solidFill>
                  <a:srgbClr val="C00000"/>
                </a:solidFill>
              </a:rPr>
              <a:t> </a:t>
            </a:r>
            <a:r>
              <a:rPr lang="en-US" sz="2800" b="1" dirty="0" err="1">
                <a:solidFill>
                  <a:srgbClr val="C00000"/>
                </a:solidFill>
              </a:rPr>
              <a:t>stier</a:t>
            </a:r>
            <a:r>
              <a:rPr lang="en-US" sz="2800" b="1" dirty="0">
                <a:solidFill>
                  <a:srgbClr val="C00000"/>
                </a:solidFill>
              </a:rPr>
              <a:t> </a:t>
            </a:r>
            <a:r>
              <a:rPr lang="en-US" sz="2800" b="1" dirty="0" err="1">
                <a:solidFill>
                  <a:srgbClr val="C00000"/>
                </a:solidFill>
              </a:rPr>
              <a:t>fra</a:t>
            </a:r>
            <a:r>
              <a:rPr lang="en-US" sz="2800" b="1" dirty="0">
                <a:solidFill>
                  <a:srgbClr val="C00000"/>
                </a:solidFill>
              </a:rPr>
              <a:t> A </a:t>
            </a:r>
            <a:r>
              <a:rPr lang="en-US" sz="2800" b="1" dirty="0" err="1">
                <a:solidFill>
                  <a:srgbClr val="C00000"/>
                </a:solidFill>
              </a:rPr>
              <a:t>til</a:t>
            </a:r>
            <a:r>
              <a:rPr lang="en-US" sz="2800" b="1" dirty="0">
                <a:solidFill>
                  <a:srgbClr val="C00000"/>
                </a:solidFill>
              </a:rPr>
              <a:t> B ?</a:t>
            </a:r>
          </a:p>
        </p:txBody>
      </p:sp>
      <p:sp>
        <p:nvSpPr>
          <p:cNvPr id="26" name="Freeform 25"/>
          <p:cNvSpPr/>
          <p:nvPr/>
        </p:nvSpPr>
        <p:spPr>
          <a:xfrm>
            <a:off x="2582428" y="1928114"/>
            <a:ext cx="8458200" cy="2015067"/>
          </a:xfrm>
          <a:custGeom>
            <a:avLst/>
            <a:gdLst>
              <a:gd name="connsiteX0" fmla="*/ 8458200 w 8458200"/>
              <a:gd name="connsiteY0" fmla="*/ 1794934 h 2015067"/>
              <a:gd name="connsiteX1" fmla="*/ 6172200 w 8458200"/>
              <a:gd name="connsiteY1" fmla="*/ 745067 h 2015067"/>
              <a:gd name="connsiteX2" fmla="*/ 4834467 w 8458200"/>
              <a:gd name="connsiteY2" fmla="*/ 2015067 h 2015067"/>
              <a:gd name="connsiteX3" fmla="*/ 2269067 w 8458200"/>
              <a:gd name="connsiteY3" fmla="*/ 0 h 2015067"/>
              <a:gd name="connsiteX4" fmla="*/ 1185333 w 8458200"/>
              <a:gd name="connsiteY4" fmla="*/ 795867 h 2015067"/>
              <a:gd name="connsiteX5" fmla="*/ 0 w 8458200"/>
              <a:gd name="connsiteY5" fmla="*/ 1659467 h 20150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58200" h="2015067">
                <a:moveTo>
                  <a:pt x="8458200" y="1794934"/>
                </a:moveTo>
                <a:lnTo>
                  <a:pt x="6172200" y="745067"/>
                </a:lnTo>
                <a:lnTo>
                  <a:pt x="4834467" y="2015067"/>
                </a:lnTo>
                <a:lnTo>
                  <a:pt x="2269067" y="0"/>
                </a:lnTo>
                <a:lnTo>
                  <a:pt x="1185333" y="795867"/>
                </a:lnTo>
                <a:lnTo>
                  <a:pt x="0" y="1659467"/>
                </a:lnTo>
              </a:path>
            </a:pathLst>
          </a:custGeom>
          <a:noFill/>
          <a:ln w="127000">
            <a:solidFill>
              <a:schemeClr val="accent6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8" name="Freeform 27"/>
          <p:cNvSpPr/>
          <p:nvPr/>
        </p:nvSpPr>
        <p:spPr>
          <a:xfrm>
            <a:off x="2599361" y="3587581"/>
            <a:ext cx="8449734" cy="2167467"/>
          </a:xfrm>
          <a:custGeom>
            <a:avLst/>
            <a:gdLst>
              <a:gd name="connsiteX0" fmla="*/ 8449734 w 8449734"/>
              <a:gd name="connsiteY0" fmla="*/ 127000 h 2167467"/>
              <a:gd name="connsiteX1" fmla="*/ 7137400 w 8449734"/>
              <a:gd name="connsiteY1" fmla="*/ 2167467 h 2167467"/>
              <a:gd name="connsiteX2" fmla="*/ 4817534 w 8449734"/>
              <a:gd name="connsiteY2" fmla="*/ 355600 h 2167467"/>
              <a:gd name="connsiteX3" fmla="*/ 2785534 w 8449734"/>
              <a:gd name="connsiteY3" fmla="*/ 1947333 h 2167467"/>
              <a:gd name="connsiteX4" fmla="*/ 2065867 w 8449734"/>
              <a:gd name="connsiteY4" fmla="*/ 931333 h 2167467"/>
              <a:gd name="connsiteX5" fmla="*/ 414867 w 8449734"/>
              <a:gd name="connsiteY5" fmla="*/ 1727200 h 2167467"/>
              <a:gd name="connsiteX6" fmla="*/ 0 w 8449734"/>
              <a:gd name="connsiteY6" fmla="*/ 0 h 21674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8449734" h="2167467">
                <a:moveTo>
                  <a:pt x="8449734" y="127000"/>
                </a:moveTo>
                <a:lnTo>
                  <a:pt x="7137400" y="2167467"/>
                </a:lnTo>
                <a:lnTo>
                  <a:pt x="4817534" y="355600"/>
                </a:lnTo>
                <a:lnTo>
                  <a:pt x="2785534" y="1947333"/>
                </a:lnTo>
                <a:lnTo>
                  <a:pt x="2065867" y="931333"/>
                </a:lnTo>
                <a:lnTo>
                  <a:pt x="414867" y="1727200"/>
                </a:lnTo>
                <a:lnTo>
                  <a:pt x="0" y="0"/>
                </a:lnTo>
              </a:path>
            </a:pathLst>
          </a:custGeom>
          <a:noFill/>
          <a:ln w="127000">
            <a:solidFill>
              <a:srgbClr val="7030A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66" name="Group 65"/>
          <p:cNvGrpSpPr/>
          <p:nvPr/>
        </p:nvGrpSpPr>
        <p:grpSpPr>
          <a:xfrm>
            <a:off x="2492194" y="108032"/>
            <a:ext cx="8640940" cy="5724616"/>
            <a:chOff x="163766" y="152656"/>
            <a:chExt cx="8640940" cy="5724616"/>
          </a:xfrm>
          <a:solidFill>
            <a:schemeClr val="bg1"/>
          </a:solidFill>
        </p:grpSpPr>
        <p:sp>
          <p:nvSpPr>
            <p:cNvPr id="6" name="Oval 5"/>
            <p:cNvSpPr/>
            <p:nvPr/>
          </p:nvSpPr>
          <p:spPr>
            <a:xfrm>
              <a:off x="2197992" y="232623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" name="Oval 6"/>
            <p:cNvSpPr/>
            <p:nvPr/>
          </p:nvSpPr>
          <p:spPr>
            <a:xfrm>
              <a:off x="379790" y="8007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" name="Oval 7"/>
            <p:cNvSpPr/>
            <p:nvPr/>
          </p:nvSpPr>
          <p:spPr>
            <a:xfrm>
              <a:off x="1351898" y="26729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" name="Oval 8"/>
            <p:cNvSpPr/>
            <p:nvPr/>
          </p:nvSpPr>
          <p:spPr>
            <a:xfrm>
              <a:off x="2432018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Oval 10"/>
            <p:cNvSpPr/>
            <p:nvPr/>
          </p:nvSpPr>
          <p:spPr>
            <a:xfrm>
              <a:off x="5060310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" name="Oval 11"/>
            <p:cNvSpPr/>
            <p:nvPr/>
          </p:nvSpPr>
          <p:spPr>
            <a:xfrm>
              <a:off x="6104426" y="15265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" name="Oval 12"/>
            <p:cNvSpPr/>
            <p:nvPr/>
          </p:nvSpPr>
          <p:spPr>
            <a:xfrm>
              <a:off x="6320450" y="26009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" name="Oval 13"/>
            <p:cNvSpPr/>
            <p:nvPr/>
          </p:nvSpPr>
          <p:spPr>
            <a:xfrm>
              <a:off x="8624706" y="36810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" name="Oval 14"/>
            <p:cNvSpPr/>
            <p:nvPr/>
          </p:nvSpPr>
          <p:spPr>
            <a:xfrm>
              <a:off x="7292558" y="56972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Oval 15"/>
            <p:cNvSpPr/>
            <p:nvPr/>
          </p:nvSpPr>
          <p:spPr>
            <a:xfrm>
              <a:off x="4988302" y="38970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" name="Oval 16"/>
            <p:cNvSpPr/>
            <p:nvPr/>
          </p:nvSpPr>
          <p:spPr>
            <a:xfrm>
              <a:off x="2972078" y="54812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Oval 17"/>
            <p:cNvSpPr/>
            <p:nvPr/>
          </p:nvSpPr>
          <p:spPr>
            <a:xfrm>
              <a:off x="2251998" y="44731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Oval 18"/>
            <p:cNvSpPr/>
            <p:nvPr/>
          </p:nvSpPr>
          <p:spPr>
            <a:xfrm>
              <a:off x="595814" y="5265224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Oval 19"/>
            <p:cNvSpPr/>
            <p:nvPr/>
          </p:nvSpPr>
          <p:spPr>
            <a:xfrm>
              <a:off x="163766" y="353703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Oval 9"/>
            <p:cNvSpPr/>
            <p:nvPr/>
          </p:nvSpPr>
          <p:spPr>
            <a:xfrm>
              <a:off x="3548142" y="101675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30" name="TextBox 29"/>
          <p:cNvSpPr txBox="1"/>
          <p:nvPr/>
        </p:nvSpPr>
        <p:spPr>
          <a:xfrm>
            <a:off x="8772636" y="1102770"/>
            <a:ext cx="2160240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4400" b="1" dirty="0">
                <a:solidFill>
                  <a:srgbClr val="C00000"/>
                </a:solidFill>
              </a:rPr>
              <a:t>Veje</a:t>
            </a:r>
          </a:p>
        </p:txBody>
      </p:sp>
    </p:spTree>
    <p:extLst>
      <p:ext uri="{BB962C8B-B14F-4D97-AF65-F5344CB8AC3E}">
        <p14:creationId xmlns:p14="http://schemas.microsoft.com/office/powerpoint/2010/main" val="1243164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500"/>
                            </p:stCondLst>
                            <p:childTnLst>
                              <p:par>
                                <p:cTn id="12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68" grpId="0" animBg="1"/>
      <p:bldP spid="69" grpId="0" animBg="1"/>
      <p:bldP spid="70" grpId="0"/>
      <p:bldP spid="72" grpId="0"/>
      <p:bldP spid="73" grpId="0"/>
      <p:bldP spid="75" grpId="0"/>
      <p:bldP spid="26" grpId="0" animBg="1"/>
      <p:bldP spid="28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24535568"/>
              </p:ext>
            </p:extLst>
          </p:nvPr>
        </p:nvGraphicFramePr>
        <p:xfrm>
          <a:off x="6835182" y="800991"/>
          <a:ext cx="3654424" cy="492023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1276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0131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4401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16024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79462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0857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44776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215264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171899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221832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133768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266717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192071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167969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219194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212854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245934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</a:tblGrid>
              <a:tr h="224408">
                <a:tc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Tid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Hor.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 err="1">
                          <a:solidFill>
                            <a:schemeClr val="tx1"/>
                          </a:solidFill>
                        </a:rPr>
                        <a:t>Ska</a:t>
                      </a: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.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Ry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 err="1">
                          <a:solidFill>
                            <a:schemeClr val="tx1"/>
                          </a:solidFill>
                        </a:rPr>
                        <a:t>Aar</a:t>
                      </a: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.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IC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125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Re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3329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ICL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27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RX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5335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43</a:t>
                      </a:r>
                    </a:p>
                  </a:txBody>
                  <a:tcPr marL="0" marR="0" marT="0" marB="0" anchor="ctr"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49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12700" cmpd="sng">
                      <a:noFill/>
                    </a:lnL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12700" cmpd="sng">
                      <a:noFill/>
                    </a:lnL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57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58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00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08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09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11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6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12</a:t>
                      </a:r>
                    </a:p>
                  </a:txBody>
                  <a:tcPr marL="0" marR="0" marT="0" marB="0" anchor="ctr"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7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8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18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9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0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25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1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2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26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3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4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31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5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6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40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7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8"/>
                  </a:ext>
                </a:extLst>
              </a:tr>
              <a:tr h="96666">
                <a:tc>
                  <a:txBody>
                    <a:bodyPr/>
                    <a:lstStyle/>
                    <a:p>
                      <a:pPr algn="ctr"/>
                      <a:endParaRPr lang="da-DK" sz="1600" dirty="0"/>
                    </a:p>
                  </a:txBody>
                  <a:tcPr marL="0" marR="0" marT="0" marB="0" anchor="ctr"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12700" cmpd="sng">
                      <a:noFill/>
                    </a:lnL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9"/>
                  </a:ext>
                </a:extLst>
              </a:tr>
            </a:tbl>
          </a:graphicData>
        </a:graphic>
      </p:graphicFrame>
      <p:sp>
        <p:nvSpPr>
          <p:cNvPr id="72" name="Freeform 71"/>
          <p:cNvSpPr/>
          <p:nvPr/>
        </p:nvSpPr>
        <p:spPr>
          <a:xfrm>
            <a:off x="7638193" y="1360160"/>
            <a:ext cx="2609799" cy="2749970"/>
          </a:xfrm>
          <a:custGeom>
            <a:avLst/>
            <a:gdLst>
              <a:gd name="connsiteX0" fmla="*/ 645458 w 2635623"/>
              <a:gd name="connsiteY0" fmla="*/ 2743200 h 2743200"/>
              <a:gd name="connsiteX1" fmla="*/ 2635623 w 2635623"/>
              <a:gd name="connsiteY1" fmla="*/ 2716306 h 2743200"/>
              <a:gd name="connsiteX2" fmla="*/ 2622176 w 2635623"/>
              <a:gd name="connsiteY2" fmla="*/ 1828800 h 2743200"/>
              <a:gd name="connsiteX3" fmla="*/ 376517 w 2635623"/>
              <a:gd name="connsiteY3" fmla="*/ 1828800 h 2743200"/>
              <a:gd name="connsiteX4" fmla="*/ 376517 w 2635623"/>
              <a:gd name="connsiteY4" fmla="*/ 578223 h 2743200"/>
              <a:gd name="connsiteX5" fmla="*/ 1411941 w 2635623"/>
              <a:gd name="connsiteY5" fmla="*/ 591671 h 2743200"/>
              <a:gd name="connsiteX6" fmla="*/ 1411941 w 2635623"/>
              <a:gd name="connsiteY6" fmla="*/ 0 h 2743200"/>
              <a:gd name="connsiteX7" fmla="*/ 0 w 2635623"/>
              <a:gd name="connsiteY7" fmla="*/ 0 h 2743200"/>
              <a:gd name="connsiteX0" fmla="*/ 645458 w 2635623"/>
              <a:gd name="connsiteY0" fmla="*/ 2743200 h 2743200"/>
              <a:gd name="connsiteX1" fmla="*/ 2635623 w 2635623"/>
              <a:gd name="connsiteY1" fmla="*/ 2716306 h 2743200"/>
              <a:gd name="connsiteX2" fmla="*/ 2622176 w 2635623"/>
              <a:gd name="connsiteY2" fmla="*/ 1828800 h 2743200"/>
              <a:gd name="connsiteX3" fmla="*/ 376517 w 2635623"/>
              <a:gd name="connsiteY3" fmla="*/ 1828800 h 2743200"/>
              <a:gd name="connsiteX4" fmla="*/ 382455 w 2635623"/>
              <a:gd name="connsiteY4" fmla="*/ 590099 h 2743200"/>
              <a:gd name="connsiteX5" fmla="*/ 1411941 w 2635623"/>
              <a:gd name="connsiteY5" fmla="*/ 591671 h 2743200"/>
              <a:gd name="connsiteX6" fmla="*/ 1411941 w 2635623"/>
              <a:gd name="connsiteY6" fmla="*/ 0 h 2743200"/>
              <a:gd name="connsiteX7" fmla="*/ 0 w 2635623"/>
              <a:gd name="connsiteY7" fmla="*/ 0 h 2743200"/>
              <a:gd name="connsiteX0" fmla="*/ 645458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828800 h 2745994"/>
              <a:gd name="connsiteX3" fmla="*/ 376517 w 2622176"/>
              <a:gd name="connsiteY3" fmla="*/ 1828800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22647 w 2622176"/>
              <a:gd name="connsiteY0" fmla="*/ 2761013 h 2761013"/>
              <a:gd name="connsiteX1" fmla="*/ 2617810 w 2622176"/>
              <a:gd name="connsiteY1" fmla="*/ 2745994 h 2761013"/>
              <a:gd name="connsiteX2" fmla="*/ 2622176 w 2622176"/>
              <a:gd name="connsiteY2" fmla="*/ 1828800 h 2761013"/>
              <a:gd name="connsiteX3" fmla="*/ 376517 w 2622176"/>
              <a:gd name="connsiteY3" fmla="*/ 1828800 h 2761013"/>
              <a:gd name="connsiteX4" fmla="*/ 382455 w 2622176"/>
              <a:gd name="connsiteY4" fmla="*/ 590099 h 2761013"/>
              <a:gd name="connsiteX5" fmla="*/ 1411941 w 2622176"/>
              <a:gd name="connsiteY5" fmla="*/ 591671 h 2761013"/>
              <a:gd name="connsiteX6" fmla="*/ 1411941 w 2622176"/>
              <a:gd name="connsiteY6" fmla="*/ 0 h 2761013"/>
              <a:gd name="connsiteX7" fmla="*/ 0 w 2622176"/>
              <a:gd name="connsiteY7" fmla="*/ 0 h 2761013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828800 h 2745994"/>
              <a:gd name="connsiteX3" fmla="*/ 376517 w 2622176"/>
              <a:gd name="connsiteY3" fmla="*/ 1828800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828800 h 2745994"/>
              <a:gd name="connsiteX3" fmla="*/ 371231 w 2622176"/>
              <a:gd name="connsiteY3" fmla="*/ 1532809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527524 h 2745994"/>
              <a:gd name="connsiteX3" fmla="*/ 371231 w 2622176"/>
              <a:gd name="connsiteY3" fmla="*/ 1532809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527524 h 2745994"/>
              <a:gd name="connsiteX3" fmla="*/ 371231 w 2622176"/>
              <a:gd name="connsiteY3" fmla="*/ 1532809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17886"/>
              <a:gd name="connsiteY0" fmla="*/ 2743200 h 2745994"/>
              <a:gd name="connsiteX1" fmla="*/ 2617810 w 2617886"/>
              <a:gd name="connsiteY1" fmla="*/ 2745994 h 2745994"/>
              <a:gd name="connsiteX2" fmla="*/ 2601034 w 2617886"/>
              <a:gd name="connsiteY2" fmla="*/ 1532810 h 2745994"/>
              <a:gd name="connsiteX3" fmla="*/ 371231 w 2617886"/>
              <a:gd name="connsiteY3" fmla="*/ 1532809 h 2745994"/>
              <a:gd name="connsiteX4" fmla="*/ 382455 w 2617886"/>
              <a:gd name="connsiteY4" fmla="*/ 590099 h 2745994"/>
              <a:gd name="connsiteX5" fmla="*/ 1411941 w 2617886"/>
              <a:gd name="connsiteY5" fmla="*/ 591671 h 2745994"/>
              <a:gd name="connsiteX6" fmla="*/ 1411941 w 2617886"/>
              <a:gd name="connsiteY6" fmla="*/ 0 h 2745994"/>
              <a:gd name="connsiteX7" fmla="*/ 0 w 2617886"/>
              <a:gd name="connsiteY7" fmla="*/ 0 h 2745994"/>
              <a:gd name="connsiteX0" fmla="*/ 734522 w 2618146"/>
              <a:gd name="connsiteY0" fmla="*/ 2743200 h 2745994"/>
              <a:gd name="connsiteX1" fmla="*/ 2617810 w 2618146"/>
              <a:gd name="connsiteY1" fmla="*/ 2745994 h 2745994"/>
              <a:gd name="connsiteX2" fmla="*/ 2616891 w 2618146"/>
              <a:gd name="connsiteY2" fmla="*/ 1532810 h 2745994"/>
              <a:gd name="connsiteX3" fmla="*/ 371231 w 2618146"/>
              <a:gd name="connsiteY3" fmla="*/ 1532809 h 2745994"/>
              <a:gd name="connsiteX4" fmla="*/ 382455 w 2618146"/>
              <a:gd name="connsiteY4" fmla="*/ 590099 h 2745994"/>
              <a:gd name="connsiteX5" fmla="*/ 1411941 w 2618146"/>
              <a:gd name="connsiteY5" fmla="*/ 591671 h 2745994"/>
              <a:gd name="connsiteX6" fmla="*/ 1411941 w 2618146"/>
              <a:gd name="connsiteY6" fmla="*/ 0 h 2745994"/>
              <a:gd name="connsiteX7" fmla="*/ 0 w 2618146"/>
              <a:gd name="connsiteY7" fmla="*/ 0 h 2745994"/>
              <a:gd name="connsiteX0" fmla="*/ 734522 w 2617967"/>
              <a:gd name="connsiteY0" fmla="*/ 2743200 h 2745994"/>
              <a:gd name="connsiteX1" fmla="*/ 2617810 w 2617967"/>
              <a:gd name="connsiteY1" fmla="*/ 2745994 h 2745994"/>
              <a:gd name="connsiteX2" fmla="*/ 2611605 w 2617967"/>
              <a:gd name="connsiteY2" fmla="*/ 1532810 h 2745994"/>
              <a:gd name="connsiteX3" fmla="*/ 371231 w 2617967"/>
              <a:gd name="connsiteY3" fmla="*/ 1532809 h 2745994"/>
              <a:gd name="connsiteX4" fmla="*/ 382455 w 2617967"/>
              <a:gd name="connsiteY4" fmla="*/ 590099 h 2745994"/>
              <a:gd name="connsiteX5" fmla="*/ 1411941 w 2617967"/>
              <a:gd name="connsiteY5" fmla="*/ 591671 h 2745994"/>
              <a:gd name="connsiteX6" fmla="*/ 1411941 w 2617967"/>
              <a:gd name="connsiteY6" fmla="*/ 0 h 2745994"/>
              <a:gd name="connsiteX7" fmla="*/ 0 w 2617967"/>
              <a:gd name="connsiteY7" fmla="*/ 0 h 2745994"/>
              <a:gd name="connsiteX0" fmla="*/ 734522 w 2617967"/>
              <a:gd name="connsiteY0" fmla="*/ 2743200 h 2745994"/>
              <a:gd name="connsiteX1" fmla="*/ 2617810 w 2617967"/>
              <a:gd name="connsiteY1" fmla="*/ 2745994 h 2745994"/>
              <a:gd name="connsiteX2" fmla="*/ 2611605 w 2617967"/>
              <a:gd name="connsiteY2" fmla="*/ 1532810 h 2745994"/>
              <a:gd name="connsiteX3" fmla="*/ 371231 w 2617967"/>
              <a:gd name="connsiteY3" fmla="*/ 1816589 h 2745994"/>
              <a:gd name="connsiteX4" fmla="*/ 382455 w 2617967"/>
              <a:gd name="connsiteY4" fmla="*/ 590099 h 2745994"/>
              <a:gd name="connsiteX5" fmla="*/ 1411941 w 2617967"/>
              <a:gd name="connsiteY5" fmla="*/ 591671 h 2745994"/>
              <a:gd name="connsiteX6" fmla="*/ 1411941 w 2617967"/>
              <a:gd name="connsiteY6" fmla="*/ 0 h 2745994"/>
              <a:gd name="connsiteX7" fmla="*/ 0 w 2617967"/>
              <a:gd name="connsiteY7" fmla="*/ 0 h 2745994"/>
              <a:gd name="connsiteX0" fmla="*/ 734522 w 2643136"/>
              <a:gd name="connsiteY0" fmla="*/ 2743200 h 2745994"/>
              <a:gd name="connsiteX1" fmla="*/ 2617810 w 2643136"/>
              <a:gd name="connsiteY1" fmla="*/ 2745994 h 2745994"/>
              <a:gd name="connsiteX2" fmla="*/ 2643136 w 2643136"/>
              <a:gd name="connsiteY2" fmla="*/ 1816590 h 2745994"/>
              <a:gd name="connsiteX3" fmla="*/ 371231 w 2643136"/>
              <a:gd name="connsiteY3" fmla="*/ 1816589 h 2745994"/>
              <a:gd name="connsiteX4" fmla="*/ 382455 w 2643136"/>
              <a:gd name="connsiteY4" fmla="*/ 590099 h 2745994"/>
              <a:gd name="connsiteX5" fmla="*/ 1411941 w 2643136"/>
              <a:gd name="connsiteY5" fmla="*/ 591671 h 2745994"/>
              <a:gd name="connsiteX6" fmla="*/ 1411941 w 2643136"/>
              <a:gd name="connsiteY6" fmla="*/ 0 h 2745994"/>
              <a:gd name="connsiteX7" fmla="*/ 0 w 2643136"/>
              <a:gd name="connsiteY7" fmla="*/ 0 h 2745994"/>
              <a:gd name="connsiteX0" fmla="*/ 734522 w 2617865"/>
              <a:gd name="connsiteY0" fmla="*/ 2743200 h 2745994"/>
              <a:gd name="connsiteX1" fmla="*/ 2617810 w 2617865"/>
              <a:gd name="connsiteY1" fmla="*/ 2745994 h 2745994"/>
              <a:gd name="connsiteX2" fmla="*/ 2593130 w 2617865"/>
              <a:gd name="connsiteY2" fmla="*/ 1821352 h 2745994"/>
              <a:gd name="connsiteX3" fmla="*/ 371231 w 2617865"/>
              <a:gd name="connsiteY3" fmla="*/ 1816589 h 2745994"/>
              <a:gd name="connsiteX4" fmla="*/ 382455 w 2617865"/>
              <a:gd name="connsiteY4" fmla="*/ 590099 h 2745994"/>
              <a:gd name="connsiteX5" fmla="*/ 1411941 w 2617865"/>
              <a:gd name="connsiteY5" fmla="*/ 591671 h 2745994"/>
              <a:gd name="connsiteX6" fmla="*/ 1411941 w 2617865"/>
              <a:gd name="connsiteY6" fmla="*/ 0 h 2745994"/>
              <a:gd name="connsiteX7" fmla="*/ 0 w 2617865"/>
              <a:gd name="connsiteY7" fmla="*/ 0 h 2745994"/>
              <a:gd name="connsiteX0" fmla="*/ 734522 w 2617943"/>
              <a:gd name="connsiteY0" fmla="*/ 2743200 h 2745994"/>
              <a:gd name="connsiteX1" fmla="*/ 2617810 w 2617943"/>
              <a:gd name="connsiteY1" fmla="*/ 2745994 h 2745994"/>
              <a:gd name="connsiteX2" fmla="*/ 2609799 w 2617943"/>
              <a:gd name="connsiteY2" fmla="*/ 1818971 h 2745994"/>
              <a:gd name="connsiteX3" fmla="*/ 371231 w 2617943"/>
              <a:gd name="connsiteY3" fmla="*/ 1816589 h 2745994"/>
              <a:gd name="connsiteX4" fmla="*/ 382455 w 2617943"/>
              <a:gd name="connsiteY4" fmla="*/ 590099 h 2745994"/>
              <a:gd name="connsiteX5" fmla="*/ 1411941 w 2617943"/>
              <a:gd name="connsiteY5" fmla="*/ 591671 h 2745994"/>
              <a:gd name="connsiteX6" fmla="*/ 1411941 w 2617943"/>
              <a:gd name="connsiteY6" fmla="*/ 0 h 2745994"/>
              <a:gd name="connsiteX7" fmla="*/ 0 w 2617943"/>
              <a:gd name="connsiteY7" fmla="*/ 0 h 2745994"/>
              <a:gd name="connsiteX0" fmla="*/ 660703 w 2617943"/>
              <a:gd name="connsiteY0" fmla="*/ 2747962 h 2747962"/>
              <a:gd name="connsiteX1" fmla="*/ 2617810 w 2617943"/>
              <a:gd name="connsiteY1" fmla="*/ 2745994 h 2747962"/>
              <a:gd name="connsiteX2" fmla="*/ 2609799 w 2617943"/>
              <a:gd name="connsiteY2" fmla="*/ 1818971 h 2747962"/>
              <a:gd name="connsiteX3" fmla="*/ 371231 w 2617943"/>
              <a:gd name="connsiteY3" fmla="*/ 1816589 h 2747962"/>
              <a:gd name="connsiteX4" fmla="*/ 382455 w 2617943"/>
              <a:gd name="connsiteY4" fmla="*/ 590099 h 2747962"/>
              <a:gd name="connsiteX5" fmla="*/ 1411941 w 2617943"/>
              <a:gd name="connsiteY5" fmla="*/ 591671 h 2747962"/>
              <a:gd name="connsiteX6" fmla="*/ 1411941 w 2617943"/>
              <a:gd name="connsiteY6" fmla="*/ 0 h 2747962"/>
              <a:gd name="connsiteX7" fmla="*/ 0 w 2617943"/>
              <a:gd name="connsiteY7" fmla="*/ 0 h 2747962"/>
              <a:gd name="connsiteX0" fmla="*/ 689278 w 2617943"/>
              <a:gd name="connsiteY0" fmla="*/ 2743200 h 2745994"/>
              <a:gd name="connsiteX1" fmla="*/ 2617810 w 2617943"/>
              <a:gd name="connsiteY1" fmla="*/ 2745994 h 2745994"/>
              <a:gd name="connsiteX2" fmla="*/ 2609799 w 2617943"/>
              <a:gd name="connsiteY2" fmla="*/ 1818971 h 2745994"/>
              <a:gd name="connsiteX3" fmla="*/ 371231 w 2617943"/>
              <a:gd name="connsiteY3" fmla="*/ 1816589 h 2745994"/>
              <a:gd name="connsiteX4" fmla="*/ 382455 w 2617943"/>
              <a:gd name="connsiteY4" fmla="*/ 590099 h 2745994"/>
              <a:gd name="connsiteX5" fmla="*/ 1411941 w 2617943"/>
              <a:gd name="connsiteY5" fmla="*/ 591671 h 2745994"/>
              <a:gd name="connsiteX6" fmla="*/ 1411941 w 2617943"/>
              <a:gd name="connsiteY6" fmla="*/ 0 h 2745994"/>
              <a:gd name="connsiteX7" fmla="*/ 0 w 2617943"/>
              <a:gd name="connsiteY7" fmla="*/ 0 h 2745994"/>
              <a:gd name="connsiteX0" fmla="*/ 689278 w 2609799"/>
              <a:gd name="connsiteY0" fmla="*/ 2743200 h 2753945"/>
              <a:gd name="connsiteX1" fmla="*/ 2597932 w 2609799"/>
              <a:gd name="connsiteY1" fmla="*/ 2753945 h 2753945"/>
              <a:gd name="connsiteX2" fmla="*/ 2609799 w 2609799"/>
              <a:gd name="connsiteY2" fmla="*/ 1818971 h 2753945"/>
              <a:gd name="connsiteX3" fmla="*/ 371231 w 2609799"/>
              <a:gd name="connsiteY3" fmla="*/ 1816589 h 2753945"/>
              <a:gd name="connsiteX4" fmla="*/ 382455 w 2609799"/>
              <a:gd name="connsiteY4" fmla="*/ 590099 h 2753945"/>
              <a:gd name="connsiteX5" fmla="*/ 1411941 w 2609799"/>
              <a:gd name="connsiteY5" fmla="*/ 591671 h 2753945"/>
              <a:gd name="connsiteX6" fmla="*/ 1411941 w 2609799"/>
              <a:gd name="connsiteY6" fmla="*/ 0 h 2753945"/>
              <a:gd name="connsiteX7" fmla="*/ 0 w 2609799"/>
              <a:gd name="connsiteY7" fmla="*/ 0 h 2753945"/>
              <a:gd name="connsiteX0" fmla="*/ 689278 w 2617943"/>
              <a:gd name="connsiteY0" fmla="*/ 2743200 h 2745994"/>
              <a:gd name="connsiteX1" fmla="*/ 2617810 w 2617943"/>
              <a:gd name="connsiteY1" fmla="*/ 2745994 h 2745994"/>
              <a:gd name="connsiteX2" fmla="*/ 2609799 w 2617943"/>
              <a:gd name="connsiteY2" fmla="*/ 1818971 h 2745994"/>
              <a:gd name="connsiteX3" fmla="*/ 371231 w 2617943"/>
              <a:gd name="connsiteY3" fmla="*/ 1816589 h 2745994"/>
              <a:gd name="connsiteX4" fmla="*/ 382455 w 2617943"/>
              <a:gd name="connsiteY4" fmla="*/ 590099 h 2745994"/>
              <a:gd name="connsiteX5" fmla="*/ 1411941 w 2617943"/>
              <a:gd name="connsiteY5" fmla="*/ 591671 h 2745994"/>
              <a:gd name="connsiteX6" fmla="*/ 1411941 w 2617943"/>
              <a:gd name="connsiteY6" fmla="*/ 0 h 2745994"/>
              <a:gd name="connsiteX7" fmla="*/ 0 w 2617943"/>
              <a:gd name="connsiteY7" fmla="*/ 0 h 2745994"/>
              <a:gd name="connsiteX0" fmla="*/ 689278 w 2609799"/>
              <a:gd name="connsiteY0" fmla="*/ 2743200 h 2749970"/>
              <a:gd name="connsiteX1" fmla="*/ 2601907 w 2609799"/>
              <a:gd name="connsiteY1" fmla="*/ 2749970 h 2749970"/>
              <a:gd name="connsiteX2" fmla="*/ 2609799 w 2609799"/>
              <a:gd name="connsiteY2" fmla="*/ 1818971 h 2749970"/>
              <a:gd name="connsiteX3" fmla="*/ 371231 w 2609799"/>
              <a:gd name="connsiteY3" fmla="*/ 1816589 h 2749970"/>
              <a:gd name="connsiteX4" fmla="*/ 382455 w 2609799"/>
              <a:gd name="connsiteY4" fmla="*/ 590099 h 2749970"/>
              <a:gd name="connsiteX5" fmla="*/ 1411941 w 2609799"/>
              <a:gd name="connsiteY5" fmla="*/ 591671 h 2749970"/>
              <a:gd name="connsiteX6" fmla="*/ 1411941 w 2609799"/>
              <a:gd name="connsiteY6" fmla="*/ 0 h 2749970"/>
              <a:gd name="connsiteX7" fmla="*/ 0 w 2609799"/>
              <a:gd name="connsiteY7" fmla="*/ 0 h 27499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609799" h="2749970">
                <a:moveTo>
                  <a:pt x="689278" y="2743200"/>
                </a:moveTo>
                <a:lnTo>
                  <a:pt x="2601907" y="2749970"/>
                </a:lnTo>
                <a:cubicBezTo>
                  <a:pt x="2603362" y="2444239"/>
                  <a:pt x="2608344" y="2124702"/>
                  <a:pt x="2609799" y="1818971"/>
                </a:cubicBezTo>
                <a:lnTo>
                  <a:pt x="371231" y="1816589"/>
                </a:lnTo>
                <a:cubicBezTo>
                  <a:pt x="373210" y="1403689"/>
                  <a:pt x="380476" y="1002999"/>
                  <a:pt x="382455" y="590099"/>
                </a:cubicBezTo>
                <a:lnTo>
                  <a:pt x="1411941" y="591671"/>
                </a:lnTo>
                <a:lnTo>
                  <a:pt x="1411941" y="0"/>
                </a:lnTo>
                <a:lnTo>
                  <a:pt x="0" y="0"/>
                </a:lnTo>
              </a:path>
            </a:pathLst>
          </a:custGeom>
          <a:noFill/>
          <a:ln w="76200">
            <a:solidFill>
              <a:schemeClr val="accent6"/>
            </a:solidFill>
            <a:headEnd type="triangle" w="med" len="sm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4" name="TextBox 13"/>
          <p:cNvSpPr txBox="1"/>
          <p:nvPr/>
        </p:nvSpPr>
        <p:spPr>
          <a:xfrm>
            <a:off x="1343472" y="6246375"/>
            <a:ext cx="352839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000" dirty="0"/>
              <a:t>uddrag af køreplaner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0"/>
            <a:ext cx="9144000" cy="836712"/>
          </a:xfrm>
        </p:spPr>
        <p:txBody>
          <a:bodyPr>
            <a:normAutofit/>
          </a:bodyPr>
          <a:lstStyle/>
          <a:p>
            <a:pPr>
              <a:lnSpc>
                <a:spcPts val="3600"/>
              </a:lnSpc>
            </a:pPr>
            <a:r>
              <a:rPr lang="da-DK" sz="4000" dirty="0"/>
              <a:t>Rejseplan (Horsens til Ry)</a:t>
            </a:r>
          </a:p>
        </p:txBody>
      </p:sp>
      <p:graphicFrame>
        <p:nvGraphicFramePr>
          <p:cNvPr id="75" name="Table 7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3348592"/>
              </p:ext>
            </p:extLst>
          </p:nvPr>
        </p:nvGraphicFramePr>
        <p:xfrm>
          <a:off x="1343472" y="905330"/>
          <a:ext cx="3528152" cy="5335905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82516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4961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7452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478852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198542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Tog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nk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fg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tation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8542">
                <a:tc rowSpan="3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C125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43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Horsens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57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58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kanderborg St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12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98542">
                <a:tc rowSpan="2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e3329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00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Horsens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31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05065">
                <a:tc rowSpan="3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CL27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11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Horsens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25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26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kanderborg St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40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198542">
                <a:tc rowSpan="3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X5335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49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08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09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kanderborg St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18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y St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198542">
                <a:tc>
                  <a:txBody>
                    <a:bodyPr/>
                    <a:lstStyle/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</a:tbl>
          </a:graphicData>
        </a:graphic>
      </p:graphicFrame>
      <p:sp>
        <p:nvSpPr>
          <p:cNvPr id="76" name="TextBox 75"/>
          <p:cNvSpPr txBox="1"/>
          <p:nvPr/>
        </p:nvSpPr>
        <p:spPr>
          <a:xfrm>
            <a:off x="6528048" y="5808159"/>
            <a:ext cx="4248472" cy="969496"/>
          </a:xfrm>
          <a:prstGeom prst="rect">
            <a:avLst/>
          </a:prstGeom>
          <a:solidFill>
            <a:srgbClr val="FFFF66"/>
          </a:solidFill>
        </p:spPr>
        <p:txBody>
          <a:bodyPr wrap="square" tIns="0" rtlCol="0">
            <a:spAutoFit/>
          </a:bodyPr>
          <a:lstStyle/>
          <a:p>
            <a:pPr algn="ctr"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 algn="ctr">
              <a:tabLst>
                <a:tab pos="182563" algn="l"/>
              </a:tabLst>
            </a:pPr>
            <a:r>
              <a:rPr lang="da-DK" sz="2000" dirty="0"/>
              <a:t>Find tidligste knude for </a:t>
            </a:r>
            <a:r>
              <a:rPr lang="da-DK" sz="2000" b="1" dirty="0">
                <a:solidFill>
                  <a:srgbClr val="C00000"/>
                </a:solidFill>
              </a:rPr>
              <a:t>Ry</a:t>
            </a:r>
            <a:r>
              <a:rPr lang="da-DK" sz="2000" dirty="0">
                <a:solidFill>
                  <a:srgbClr val="C00000"/>
                </a:solidFill>
              </a:rPr>
              <a:t> </a:t>
            </a:r>
            <a:r>
              <a:rPr lang="da-DK" sz="2000" dirty="0"/>
              <a:t>der kan nås fra en given start-knude i </a:t>
            </a:r>
            <a:r>
              <a:rPr lang="da-DK" sz="2000" b="1" dirty="0">
                <a:solidFill>
                  <a:srgbClr val="C00000"/>
                </a:solidFill>
              </a:rPr>
              <a:t>Horsens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8071658" y="1258917"/>
            <a:ext cx="2106972" cy="4150586"/>
            <a:chOff x="6282940" y="1942710"/>
            <a:chExt cx="2106972" cy="4150586"/>
          </a:xfrm>
        </p:grpSpPr>
        <p:sp>
          <p:nvSpPr>
            <p:cNvPr id="77" name="Isosceles Triangle 76"/>
            <p:cNvSpPr/>
            <p:nvPr/>
          </p:nvSpPr>
          <p:spPr>
            <a:xfrm rot="5400000">
              <a:off x="7040702" y="2898621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8" name="Isosceles Triangle 77"/>
            <p:cNvSpPr/>
            <p:nvPr/>
          </p:nvSpPr>
          <p:spPr>
            <a:xfrm rot="5400000">
              <a:off x="8244423" y="228551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9" name="Isosceles Triangle 78"/>
            <p:cNvSpPr/>
            <p:nvPr/>
          </p:nvSpPr>
          <p:spPr>
            <a:xfrm rot="5400000">
              <a:off x="8245912" y="381078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0" name="Isosceles Triangle 79"/>
            <p:cNvSpPr/>
            <p:nvPr/>
          </p:nvSpPr>
          <p:spPr>
            <a:xfrm rot="5400000">
              <a:off x="7822490" y="533720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1" name="Isosceles Triangle 80"/>
            <p:cNvSpPr/>
            <p:nvPr/>
          </p:nvSpPr>
          <p:spPr>
            <a:xfrm rot="5400000">
              <a:off x="7821001" y="411307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2" name="Isosceles Triangle 81"/>
            <p:cNvSpPr/>
            <p:nvPr/>
          </p:nvSpPr>
          <p:spPr>
            <a:xfrm rot="5400000">
              <a:off x="7047654" y="1978710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3" name="Isosceles Triangle 82"/>
            <p:cNvSpPr/>
            <p:nvPr/>
          </p:nvSpPr>
          <p:spPr>
            <a:xfrm rot="-5400000">
              <a:off x="6255566" y="260090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4" name="Isosceles Triangle 83"/>
            <p:cNvSpPr/>
            <p:nvPr/>
          </p:nvSpPr>
          <p:spPr>
            <a:xfrm rot="-5400000">
              <a:off x="6246940" y="350102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5" name="Isosceles Triangle 84"/>
            <p:cNvSpPr/>
            <p:nvPr/>
          </p:nvSpPr>
          <p:spPr>
            <a:xfrm rot="-5400000">
              <a:off x="6536484" y="473378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6" name="Isosceles Triangle 85"/>
            <p:cNvSpPr/>
            <p:nvPr/>
          </p:nvSpPr>
          <p:spPr>
            <a:xfrm rot="-5400000">
              <a:off x="6246940" y="503044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7" name="Isosceles Triangle 86"/>
            <p:cNvSpPr/>
            <p:nvPr/>
          </p:nvSpPr>
          <p:spPr>
            <a:xfrm rot="-5400000">
              <a:off x="6902150" y="594929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8" name="Isosceles Triangle 87"/>
            <p:cNvSpPr/>
            <p:nvPr/>
          </p:nvSpPr>
          <p:spPr>
            <a:xfrm rot="5400000">
              <a:off x="7462450" y="321299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9" name="Isosceles Triangle 88"/>
            <p:cNvSpPr/>
            <p:nvPr/>
          </p:nvSpPr>
          <p:spPr>
            <a:xfrm rot="-5400000">
              <a:off x="6896524" y="442850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90" name="Isosceles Triangle 89"/>
            <p:cNvSpPr/>
            <p:nvPr/>
          </p:nvSpPr>
          <p:spPr>
            <a:xfrm rot="-5400000">
              <a:off x="6899282" y="564249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73" name="Group 72"/>
          <p:cNvGrpSpPr/>
          <p:nvPr/>
        </p:nvGrpSpPr>
        <p:grpSpPr>
          <a:xfrm>
            <a:off x="7553104" y="1180087"/>
            <a:ext cx="2780754" cy="4203543"/>
            <a:chOff x="5764386" y="1863875"/>
            <a:chExt cx="2780754" cy="4203543"/>
          </a:xfrm>
        </p:grpSpPr>
        <p:sp>
          <p:nvSpPr>
            <p:cNvPr id="15" name="Oval 14"/>
            <p:cNvSpPr/>
            <p:nvPr/>
          </p:nvSpPr>
          <p:spPr>
            <a:xfrm>
              <a:off x="5778884" y="409972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Oval 15"/>
            <p:cNvSpPr/>
            <p:nvPr/>
          </p:nvSpPr>
          <p:spPr>
            <a:xfrm>
              <a:off x="5787526" y="318711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" name="Oval 16"/>
            <p:cNvSpPr/>
            <p:nvPr/>
          </p:nvSpPr>
          <p:spPr>
            <a:xfrm>
              <a:off x="7596336" y="317547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Oval 17"/>
            <p:cNvSpPr/>
            <p:nvPr/>
          </p:nvSpPr>
          <p:spPr>
            <a:xfrm>
              <a:off x="8388440" y="349239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Oval 18"/>
            <p:cNvSpPr/>
            <p:nvPr/>
          </p:nvSpPr>
          <p:spPr>
            <a:xfrm>
              <a:off x="8388424" y="3789056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Oval 19"/>
            <p:cNvSpPr/>
            <p:nvPr/>
          </p:nvSpPr>
          <p:spPr>
            <a:xfrm>
              <a:off x="8388424" y="470790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Oval 20"/>
            <p:cNvSpPr/>
            <p:nvPr/>
          </p:nvSpPr>
          <p:spPr>
            <a:xfrm>
              <a:off x="6435582" y="472514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Oval 21"/>
            <p:cNvSpPr/>
            <p:nvPr/>
          </p:nvSpPr>
          <p:spPr>
            <a:xfrm>
              <a:off x="6147550" y="501319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Oval 22"/>
            <p:cNvSpPr/>
            <p:nvPr/>
          </p:nvSpPr>
          <p:spPr>
            <a:xfrm>
              <a:off x="6147550" y="530985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Oval 23"/>
            <p:cNvSpPr/>
            <p:nvPr/>
          </p:nvSpPr>
          <p:spPr>
            <a:xfrm>
              <a:off x="6795622" y="562376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5" name="Oval 24"/>
            <p:cNvSpPr/>
            <p:nvPr/>
          </p:nvSpPr>
          <p:spPr>
            <a:xfrm>
              <a:off x="6804248" y="592341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6" name="Oval 25"/>
            <p:cNvSpPr/>
            <p:nvPr/>
          </p:nvSpPr>
          <p:spPr>
            <a:xfrm>
              <a:off x="7947766" y="592340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7" name="Oval 26"/>
            <p:cNvSpPr/>
            <p:nvPr/>
          </p:nvSpPr>
          <p:spPr>
            <a:xfrm>
              <a:off x="7596352" y="562374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" name="Oval 27"/>
            <p:cNvSpPr/>
            <p:nvPr/>
          </p:nvSpPr>
          <p:spPr>
            <a:xfrm>
              <a:off x="7956392" y="530983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" name="Oval 28"/>
            <p:cNvSpPr/>
            <p:nvPr/>
          </p:nvSpPr>
          <p:spPr>
            <a:xfrm>
              <a:off x="7947750" y="5013176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" name="Oval 29"/>
            <p:cNvSpPr/>
            <p:nvPr/>
          </p:nvSpPr>
          <p:spPr>
            <a:xfrm>
              <a:off x="7172914" y="439960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1" name="Oval 30"/>
            <p:cNvSpPr/>
            <p:nvPr/>
          </p:nvSpPr>
          <p:spPr>
            <a:xfrm>
              <a:off x="6795622" y="441125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2" name="Oval 31"/>
            <p:cNvSpPr/>
            <p:nvPr/>
          </p:nvSpPr>
          <p:spPr>
            <a:xfrm>
              <a:off x="7953392" y="409732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3" name="Oval 32"/>
            <p:cNvSpPr/>
            <p:nvPr/>
          </p:nvSpPr>
          <p:spPr>
            <a:xfrm>
              <a:off x="6147550" y="378904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4" name="Oval 33"/>
            <p:cNvSpPr/>
            <p:nvPr/>
          </p:nvSpPr>
          <p:spPr>
            <a:xfrm>
              <a:off x="6147550" y="3483756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Oval 34"/>
            <p:cNvSpPr/>
            <p:nvPr/>
          </p:nvSpPr>
          <p:spPr>
            <a:xfrm>
              <a:off x="6138924" y="287320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" name="Oval 35"/>
            <p:cNvSpPr/>
            <p:nvPr/>
          </p:nvSpPr>
          <p:spPr>
            <a:xfrm>
              <a:off x="6156192" y="256490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Oval 36"/>
            <p:cNvSpPr/>
            <p:nvPr/>
          </p:nvSpPr>
          <p:spPr>
            <a:xfrm>
              <a:off x="7190182" y="256490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8" name="Oval 37"/>
            <p:cNvSpPr/>
            <p:nvPr/>
          </p:nvSpPr>
          <p:spPr>
            <a:xfrm>
              <a:off x="7193182" y="287883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9" name="Oval 38"/>
            <p:cNvSpPr/>
            <p:nvPr/>
          </p:nvSpPr>
          <p:spPr>
            <a:xfrm>
              <a:off x="6804248" y="227688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0" name="Oval 39"/>
            <p:cNvSpPr/>
            <p:nvPr/>
          </p:nvSpPr>
          <p:spPr>
            <a:xfrm>
              <a:off x="8379814" y="225099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Oval 40"/>
            <p:cNvSpPr/>
            <p:nvPr/>
          </p:nvSpPr>
          <p:spPr>
            <a:xfrm>
              <a:off x="5787526" y="195435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2" name="Oval 41"/>
            <p:cNvSpPr/>
            <p:nvPr/>
          </p:nvSpPr>
          <p:spPr>
            <a:xfrm>
              <a:off x="7190182" y="196297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4" name="Isosceles Triangle 43"/>
            <p:cNvSpPr/>
            <p:nvPr/>
          </p:nvSpPr>
          <p:spPr>
            <a:xfrm rot="10800000">
              <a:off x="6780854" y="219318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6" name="Isosceles Triangle 45"/>
            <p:cNvSpPr/>
            <p:nvPr/>
          </p:nvSpPr>
          <p:spPr>
            <a:xfrm rot="10800000">
              <a:off x="6132892" y="246749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7" name="Isosceles Triangle 46"/>
            <p:cNvSpPr/>
            <p:nvPr/>
          </p:nvSpPr>
          <p:spPr>
            <a:xfrm rot="10800000">
              <a:off x="6130776" y="277457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8" name="Isosceles Triangle 47"/>
            <p:cNvSpPr/>
            <p:nvPr/>
          </p:nvSpPr>
          <p:spPr>
            <a:xfrm rot="10800000">
              <a:off x="7174912" y="278092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9" name="Isosceles Triangle 48"/>
            <p:cNvSpPr/>
            <p:nvPr/>
          </p:nvSpPr>
          <p:spPr>
            <a:xfrm rot="10800000">
              <a:off x="7176988" y="247384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0" name="Isosceles Triangle 49"/>
            <p:cNvSpPr/>
            <p:nvPr/>
          </p:nvSpPr>
          <p:spPr>
            <a:xfrm rot="10800000">
              <a:off x="7573052" y="307741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1" name="Isosceles Triangle 50"/>
            <p:cNvSpPr/>
            <p:nvPr/>
          </p:nvSpPr>
          <p:spPr>
            <a:xfrm rot="10800000">
              <a:off x="8365140" y="339300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2" name="Isosceles Triangle 51"/>
            <p:cNvSpPr/>
            <p:nvPr/>
          </p:nvSpPr>
          <p:spPr>
            <a:xfrm rot="10800000">
              <a:off x="8365140" y="368954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3" name="Isosceles Triangle 52"/>
            <p:cNvSpPr/>
            <p:nvPr/>
          </p:nvSpPr>
          <p:spPr>
            <a:xfrm rot="10800000">
              <a:off x="6130777" y="3700090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4" name="Isosceles Triangle 53"/>
            <p:cNvSpPr/>
            <p:nvPr/>
          </p:nvSpPr>
          <p:spPr>
            <a:xfrm rot="10800000">
              <a:off x="6124426" y="338239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5" name="Isosceles Triangle 54"/>
            <p:cNvSpPr/>
            <p:nvPr/>
          </p:nvSpPr>
          <p:spPr>
            <a:xfrm rot="10800000">
              <a:off x="5772852" y="309862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6" name="Isosceles Triangle 55"/>
            <p:cNvSpPr/>
            <p:nvPr/>
          </p:nvSpPr>
          <p:spPr>
            <a:xfrm rot="10800000">
              <a:off x="5764386" y="1863875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7" name="Isosceles Triangle 56"/>
            <p:cNvSpPr/>
            <p:nvPr/>
          </p:nvSpPr>
          <p:spPr>
            <a:xfrm rot="10800000">
              <a:off x="7170638" y="187657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8" name="Isosceles Triangle 57"/>
            <p:cNvSpPr/>
            <p:nvPr/>
          </p:nvSpPr>
          <p:spPr>
            <a:xfrm rot="10800000">
              <a:off x="5766502" y="400506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9" name="Isosceles Triangle 58"/>
            <p:cNvSpPr/>
            <p:nvPr/>
          </p:nvSpPr>
          <p:spPr>
            <a:xfrm rot="10800000">
              <a:off x="6132892" y="4911525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0" name="Isosceles Triangle 59"/>
            <p:cNvSpPr/>
            <p:nvPr/>
          </p:nvSpPr>
          <p:spPr>
            <a:xfrm rot="10800000">
              <a:off x="6132892" y="5205907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1" name="Isosceles Triangle 60"/>
            <p:cNvSpPr/>
            <p:nvPr/>
          </p:nvSpPr>
          <p:spPr>
            <a:xfrm rot="10800000">
              <a:off x="6418809" y="4623493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2" name="Isosceles Triangle 61"/>
            <p:cNvSpPr/>
            <p:nvPr/>
          </p:nvSpPr>
          <p:spPr>
            <a:xfrm rot="10800000">
              <a:off x="6780964" y="431214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3" name="Isosceles Triangle 62"/>
            <p:cNvSpPr/>
            <p:nvPr/>
          </p:nvSpPr>
          <p:spPr>
            <a:xfrm rot="10800000">
              <a:off x="7170639" y="430579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4" name="Isosceles Triangle 63"/>
            <p:cNvSpPr/>
            <p:nvPr/>
          </p:nvSpPr>
          <p:spPr>
            <a:xfrm rot="10800000">
              <a:off x="7933092" y="400082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5" name="Isosceles Triangle 64"/>
            <p:cNvSpPr/>
            <p:nvPr/>
          </p:nvSpPr>
          <p:spPr>
            <a:xfrm rot="10800000">
              <a:off x="7928819" y="4911525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6" name="Isosceles Triangle 65"/>
            <p:cNvSpPr/>
            <p:nvPr/>
          </p:nvSpPr>
          <p:spPr>
            <a:xfrm rot="10800000">
              <a:off x="7937327" y="5212257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7" name="Isosceles Triangle 66"/>
            <p:cNvSpPr/>
            <p:nvPr/>
          </p:nvSpPr>
          <p:spPr>
            <a:xfrm rot="10800000">
              <a:off x="7933092" y="5822229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8" name="Isosceles Triangle 67"/>
            <p:cNvSpPr/>
            <p:nvPr/>
          </p:nvSpPr>
          <p:spPr>
            <a:xfrm rot="10800000">
              <a:off x="6787314" y="582431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9" name="Isosceles Triangle 68"/>
            <p:cNvSpPr/>
            <p:nvPr/>
          </p:nvSpPr>
          <p:spPr>
            <a:xfrm rot="10800000">
              <a:off x="6778849" y="552993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0" name="Isosceles Triangle 69"/>
            <p:cNvSpPr/>
            <p:nvPr/>
          </p:nvSpPr>
          <p:spPr>
            <a:xfrm rot="10800000">
              <a:off x="7575210" y="551723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1" name="Isosceles Triangle 70"/>
            <p:cNvSpPr/>
            <p:nvPr/>
          </p:nvSpPr>
          <p:spPr>
            <a:xfrm rot="10800000">
              <a:off x="8365140" y="460652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pic>
        <p:nvPicPr>
          <p:cNvPr id="91" name="Content Placeholder 3"/>
          <p:cNvPicPr>
            <a:picLocks noGrp="1" noChangeAspect="1"/>
          </p:cNvPicPr>
          <p:nvPr>
            <p:ph idx="1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346" t="48569" r="43048" b="36038"/>
          <a:stretch/>
        </p:blipFill>
        <p:spPr>
          <a:xfrm>
            <a:off x="1508451" y="4439646"/>
            <a:ext cx="3204673" cy="1673428"/>
          </a:xfrm>
        </p:spPr>
      </p:pic>
    </p:spTree>
    <p:extLst>
      <p:ext uri="{BB962C8B-B14F-4D97-AF65-F5344CB8AC3E}">
        <p14:creationId xmlns:p14="http://schemas.microsoft.com/office/powerpoint/2010/main" val="40124731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2" grpId="0" animBg="1"/>
      <p:bldP spid="14" grpId="0"/>
      <p:bldP spid="76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Metadata/LabelInfo.xml><?xml version="1.0" encoding="utf-8"?>
<clbl:labelList xmlns:clbl="http://schemas.microsoft.com/office/2020/mipLabelMetadata">
  <clbl:label id="{61fd1d36-fecb-47ca-b7d7-d0df0370a198}" enabled="0" method="" siteId="{61fd1d36-fecb-47ca-b7d7-d0df0370a198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6469</TotalTime>
  <Words>1605</Words>
  <Application>Microsoft Office PowerPoint</Application>
  <PresentationFormat>Widescreen</PresentationFormat>
  <Paragraphs>440</Paragraphs>
  <Slides>24</Slides>
  <Notes>23</Notes>
  <HiddenSlides>3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4</vt:i4>
      </vt:variant>
    </vt:vector>
  </HeadingPairs>
  <TitlesOfParts>
    <vt:vector size="29" baseType="lpstr">
      <vt:lpstr>Arial</vt:lpstr>
      <vt:lpstr>AU Passata</vt:lpstr>
      <vt:lpstr>Calibri</vt:lpstr>
      <vt:lpstr>Wingdings</vt:lpstr>
      <vt:lpstr>Office Theme</vt:lpstr>
      <vt:lpstr>Algoritmer (45 minutter)</vt:lpstr>
      <vt:lpstr>PowerPoint Presentation</vt:lpstr>
      <vt:lpstr>&lt;&lt; Kassogram &gt;&gt;</vt:lpstr>
      <vt:lpstr>PowerPoint Presentation</vt:lpstr>
      <vt:lpstr>Største Tomme Cirkel</vt:lpstr>
      <vt:lpstr>Største Tomme Cirkel</vt:lpstr>
      <vt:lpstr>Graf</vt:lpstr>
      <vt:lpstr>PowerPoint Presentation</vt:lpstr>
      <vt:lpstr>Rejseplan (Horsens til Ry)</vt:lpstr>
      <vt:lpstr>Opdatering af Regneark</vt:lpstr>
      <vt:lpstr>Opdatering af Regneark</vt:lpstr>
      <vt:lpstr>Stærke Sammenhængskomponenter</vt:lpstr>
      <vt:lpstr>Stærke Sammenhængskomponenter</vt:lpstr>
      <vt:lpstr>Stærke Sammenhængskomponenter</vt:lpstr>
      <vt:lpstr>xkcd.com/754</vt:lpstr>
      <vt:lpstr>Strømninger i Netværk</vt:lpstr>
      <vt:lpstr>Beregning af Strømninger i Netværk</vt:lpstr>
      <vt:lpstr>Beregning af Strømninger i Netværk</vt:lpstr>
      <vt:lpstr>PowerPoint Presentation</vt:lpstr>
      <vt:lpstr>Lyskryds</vt:lpstr>
      <vt:lpstr>Lyskryds</vt:lpstr>
      <vt:lpstr>PowerPoint Presentation</vt:lpstr>
      <vt:lpstr>  Grafer og Algoritmer Opsummering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erth</dc:creator>
  <cp:lastModifiedBy>Gerth Stølting Brodal</cp:lastModifiedBy>
  <cp:revision>194</cp:revision>
  <dcterms:created xsi:type="dcterms:W3CDTF">2013-01-12T19:15:06Z</dcterms:created>
  <dcterms:modified xsi:type="dcterms:W3CDTF">2026-02-19T16:19:33Z</dcterms:modified>
</cp:coreProperties>
</file>